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kfs01\s0522\06_運輸Ｇ\01_財務（運輸G）\06_要綱改正（補助金）\02_雑件\01_G内作業依頼・照会\20260216_0306〆_別表・担当から提出\06_ＦＣフォークリフト\"/>
    </mc:Choice>
  </mc:AlternateContent>
  <xr:revisionPtr revIDLastSave="0" documentId="8_{3E874F1A-9BCD-4558-B8CE-DC91C9E769F8}" xr6:coauthVersionLast="47" xr6:coauthVersionMax="47" xr10:uidLastSave="{00000000-0000-0000-0000-000000000000}"/>
  <bookViews>
    <workbookView xWindow="-120" yWindow="-120" windowWidth="29040" windowHeight="15720" xr2:uid="{D4CE716B-001A-469D-BD1C-44D12A068969}"/>
  </bookViews>
  <sheets>
    <sheet name="別紙２_役員等一覧" sheetId="4" r:id="rId1"/>
    <sheet name="県警照会用（審査時にコピペ）※非表示" sheetId="1" state="hidden" r:id="rId2"/>
  </sheets>
  <definedNames>
    <definedName name="_xlnm._FilterDatabase" localSheetId="1" hidden="1">'県警照会用（審査時にコピペ）※非表示'!$A$1:$J$1</definedName>
    <definedName name="_xlnm.Print_Area" localSheetId="1">'県警照会用（審査時にコピペ）※非表示'!$A$1:$J$12</definedName>
    <definedName name="_xlnm.Print_Area" localSheetId="0">別紙２_役員等一覧!$A$1:$N$3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P6" i="4" l="1"/>
  <c r="P11" i="4"/>
  <c r="P13" i="4"/>
  <c r="P14" i="4"/>
  <c r="P15" i="4"/>
  <c r="P16" i="4"/>
  <c r="P17" i="4"/>
  <c r="P18" i="4"/>
  <c r="P19" i="4"/>
  <c r="P12" i="4"/>
  <c r="I12" i="1"/>
  <c r="H12" i="1"/>
  <c r="G12" i="1"/>
  <c r="F12" i="1"/>
  <c r="E12" i="1"/>
  <c r="I11" i="1"/>
  <c r="H11" i="1"/>
  <c r="G11" i="1"/>
  <c r="F11" i="1"/>
  <c r="E11" i="1"/>
  <c r="I10" i="1"/>
  <c r="H10" i="1"/>
  <c r="G10" i="1"/>
  <c r="F10" i="1"/>
  <c r="E10" i="1"/>
  <c r="I9" i="1"/>
  <c r="H9" i="1"/>
  <c r="G9" i="1"/>
  <c r="F9" i="1"/>
  <c r="E9" i="1"/>
  <c r="I8" i="1"/>
  <c r="H8" i="1"/>
  <c r="G8" i="1"/>
  <c r="F8" i="1"/>
  <c r="E8" i="1"/>
  <c r="I7" i="1"/>
  <c r="H7" i="1"/>
  <c r="G7" i="1"/>
  <c r="F7" i="1"/>
  <c r="E7" i="1"/>
  <c r="I6" i="1"/>
  <c r="H6" i="1"/>
  <c r="G6" i="1"/>
  <c r="F6" i="1"/>
  <c r="E6" i="1"/>
  <c r="I5" i="1"/>
  <c r="H5" i="1"/>
  <c r="G5" i="1"/>
  <c r="F5" i="1"/>
  <c r="E5" i="1"/>
  <c r="I4" i="1"/>
  <c r="H4" i="1"/>
  <c r="G4" i="1"/>
  <c r="F4" i="1"/>
  <c r="E4" i="1"/>
  <c r="F3" i="1"/>
  <c r="G3" i="1"/>
  <c r="I3" i="1"/>
  <c r="D2" i="1" l="1"/>
  <c r="G31" i="4"/>
  <c r="P20" i="4" l="1"/>
  <c r="D3" i="1"/>
  <c r="J12" i="1"/>
  <c r="D12" i="1"/>
  <c r="C12" i="1"/>
  <c r="B12" i="1"/>
  <c r="J11" i="1"/>
  <c r="D11" i="1"/>
  <c r="C11" i="1"/>
  <c r="B11" i="1"/>
  <c r="J10" i="1"/>
  <c r="D10" i="1"/>
  <c r="C10" i="1"/>
  <c r="B10" i="1"/>
  <c r="J9" i="1"/>
  <c r="D9" i="1"/>
  <c r="C9" i="1"/>
  <c r="B9" i="1"/>
  <c r="J8" i="1"/>
  <c r="D8" i="1"/>
  <c r="C8" i="1"/>
  <c r="B8" i="1"/>
  <c r="J7" i="1"/>
  <c r="D7" i="1"/>
  <c r="C7" i="1"/>
  <c r="B7" i="1"/>
  <c r="J6" i="1"/>
  <c r="D6" i="1"/>
  <c r="C6" i="1"/>
  <c r="B6" i="1"/>
  <c r="J5" i="1"/>
  <c r="D5" i="1"/>
  <c r="C5" i="1"/>
  <c r="B5" i="1"/>
  <c r="J4" i="1"/>
  <c r="D4" i="1"/>
  <c r="C4" i="1"/>
  <c r="B4" i="1"/>
  <c r="J3" i="1"/>
  <c r="H3" i="1"/>
  <c r="E3" i="1"/>
  <c r="C3" i="1"/>
  <c r="B3" i="1"/>
</calcChain>
</file>

<file path=xl/sharedStrings.xml><?xml version="1.0" encoding="utf-8"?>
<sst xmlns="http://schemas.openxmlformats.org/spreadsheetml/2006/main" count="85" uniqueCount="79">
  <si>
    <t>No.</t>
  </si>
  <si>
    <t>役職名</t>
    <rPh sb="0" eb="2">
      <t>ヤクショク</t>
    </rPh>
    <rPh sb="2" eb="3">
      <t>メイ</t>
    </rPh>
    <phoneticPr fontId="4"/>
  </si>
  <si>
    <t>名称・氏名カナ</t>
    <rPh sb="0" eb="2">
      <t>メイショウ</t>
    </rPh>
    <rPh sb="3" eb="5">
      <t>シメイ</t>
    </rPh>
    <phoneticPr fontId="4"/>
  </si>
  <si>
    <t>名称・氏名漢字</t>
    <rPh sb="0" eb="2">
      <t>メイショウ</t>
    </rPh>
    <rPh sb="3" eb="5">
      <t>シメイ</t>
    </rPh>
    <rPh sb="5" eb="7">
      <t>カンジ</t>
    </rPh>
    <phoneticPr fontId="4"/>
  </si>
  <si>
    <t>月</t>
    <rPh sb="0" eb="1">
      <t>ツキ</t>
    </rPh>
    <phoneticPr fontId="3"/>
  </si>
  <si>
    <t>日</t>
    <rPh sb="0" eb="1">
      <t>ヒ</t>
    </rPh>
    <phoneticPr fontId="3"/>
  </si>
  <si>
    <t>性別</t>
    <rPh sb="0" eb="2">
      <t>セイベツ</t>
    </rPh>
    <phoneticPr fontId="4"/>
  </si>
  <si>
    <t>住所</t>
    <rPh sb="0" eb="2">
      <t>ジュウショ</t>
    </rPh>
    <phoneticPr fontId="4"/>
  </si>
  <si>
    <t>年</t>
    <rPh sb="0" eb="1">
      <t>ネン</t>
    </rPh>
    <phoneticPr fontId="1"/>
  </si>
  <si>
    <t>年</t>
    <rPh sb="0" eb="1">
      <t>ネン</t>
    </rPh>
    <phoneticPr fontId="3"/>
  </si>
  <si>
    <t>都道府県</t>
    <rPh sb="0" eb="4">
      <t>トドウフケン</t>
    </rPh>
    <phoneticPr fontId="3"/>
  </si>
  <si>
    <t>北海道</t>
  </si>
  <si>
    <t>青森県</t>
    <phoneticPr fontId="3"/>
  </si>
  <si>
    <t>岩手県</t>
  </si>
  <si>
    <t>宮城県</t>
  </si>
  <si>
    <t>秋田県</t>
  </si>
  <si>
    <t>山形県</t>
  </si>
  <si>
    <t>福島県</t>
  </si>
  <si>
    <t>茨城県</t>
  </si>
  <si>
    <t>栃木県</t>
  </si>
  <si>
    <t>群馬県</t>
  </si>
  <si>
    <t>埼玉県</t>
  </si>
  <si>
    <t>千葉県</t>
  </si>
  <si>
    <t>東京都</t>
  </si>
  <si>
    <t>神奈川県</t>
  </si>
  <si>
    <t>新潟県</t>
  </si>
  <si>
    <t>富山県</t>
  </si>
  <si>
    <t>石川県</t>
  </si>
  <si>
    <t>福井県</t>
  </si>
  <si>
    <t>山梨県</t>
  </si>
  <si>
    <t>長野県</t>
  </si>
  <si>
    <t>岐阜県</t>
  </si>
  <si>
    <t>静岡県</t>
  </si>
  <si>
    <t>愛知県</t>
  </si>
  <si>
    <t>三重県</t>
  </si>
  <si>
    <t>滋賀県</t>
  </si>
  <si>
    <t>京都府</t>
  </si>
  <si>
    <t>大阪府</t>
  </si>
  <si>
    <t>兵庫県</t>
  </si>
  <si>
    <t>奈良県</t>
  </si>
  <si>
    <t>和歌山県</t>
  </si>
  <si>
    <t>鳥取県</t>
  </si>
  <si>
    <t>島根県</t>
  </si>
  <si>
    <t>岡山県</t>
  </si>
  <si>
    <t>広島県</t>
  </si>
  <si>
    <t>山口県</t>
  </si>
  <si>
    <t>徳島県</t>
  </si>
  <si>
    <t>香川県</t>
  </si>
  <si>
    <t>愛媛県</t>
  </si>
  <si>
    <t>高知県</t>
  </si>
  <si>
    <t>福岡県</t>
  </si>
  <si>
    <t>佐賀県</t>
  </si>
  <si>
    <t>長崎県</t>
  </si>
  <si>
    <t>熊本県</t>
  </si>
  <si>
    <t>大分県</t>
  </si>
  <si>
    <t>宮崎県</t>
  </si>
  <si>
    <t>鹿児島県</t>
  </si>
  <si>
    <t>沖縄県</t>
  </si>
  <si>
    <t>役 員 等 氏 名 一 覧 表</t>
    <rPh sb="0" eb="1">
      <t>ヤク</t>
    </rPh>
    <rPh sb="2" eb="3">
      <t>イン</t>
    </rPh>
    <rPh sb="4" eb="5">
      <t>トウ</t>
    </rPh>
    <rPh sb="6" eb="7">
      <t>シ</t>
    </rPh>
    <rPh sb="8" eb="9">
      <t>メイ</t>
    </rPh>
    <rPh sb="10" eb="11">
      <t>イチ</t>
    </rPh>
    <rPh sb="12" eb="13">
      <t>ラン</t>
    </rPh>
    <rPh sb="14" eb="15">
      <t>ヒョウ</t>
    </rPh>
    <phoneticPr fontId="3"/>
  </si>
  <si>
    <t>日現在の役員</t>
    <rPh sb="0" eb="1">
      <t>ヒ</t>
    </rPh>
    <rPh sb="1" eb="3">
      <t>ゲンザイ</t>
    </rPh>
    <rPh sb="4" eb="6">
      <t>ヤクイン</t>
    </rPh>
    <phoneticPr fontId="3"/>
  </si>
  <si>
    <t>役職名</t>
    <rPh sb="0" eb="3">
      <t>ヤクショクメイ</t>
    </rPh>
    <phoneticPr fontId="3"/>
  </si>
  <si>
    <t>氏名</t>
    <rPh sb="0" eb="2">
      <t>シメイ</t>
    </rPh>
    <phoneticPr fontId="3"/>
  </si>
  <si>
    <t>フリガナ</t>
    <phoneticPr fontId="3"/>
  </si>
  <si>
    <t>生年月日</t>
    <rPh sb="0" eb="2">
      <t>セイネン</t>
    </rPh>
    <rPh sb="2" eb="4">
      <t>ガッピ</t>
    </rPh>
    <phoneticPr fontId="3"/>
  </si>
  <si>
    <t>性
別</t>
    <rPh sb="0" eb="1">
      <t>セイ</t>
    </rPh>
    <rPh sb="2" eb="3">
      <t>ベツ</t>
    </rPh>
    <phoneticPr fontId="3"/>
  </si>
  <si>
    <t>住所</t>
    <rPh sb="0" eb="2">
      <t>ジュウショ</t>
    </rPh>
    <phoneticPr fontId="3"/>
  </si>
  <si>
    <t>姓</t>
    <rPh sb="0" eb="1">
      <t>セイ</t>
    </rPh>
    <phoneticPr fontId="3"/>
  </si>
  <si>
    <t>名</t>
    <rPh sb="0" eb="1">
      <t>ナ</t>
    </rPh>
    <phoneticPr fontId="3"/>
  </si>
  <si>
    <t>（大正Ｔ、昭和Ｓ、平成Ｈ）</t>
    <rPh sb="1" eb="3">
      <t>タイショウ</t>
    </rPh>
    <rPh sb="5" eb="7">
      <t>ショウワ</t>
    </rPh>
    <rPh sb="9" eb="11">
      <t>ヘイセイ</t>
    </rPh>
    <phoneticPr fontId="3"/>
  </si>
  <si>
    <r>
      <t>※</t>
    </r>
    <r>
      <rPr>
        <b/>
        <u/>
        <sz val="11"/>
        <color theme="1"/>
        <rFont val="ＭＳ ゴシック"/>
        <family val="3"/>
        <charset val="128"/>
      </rPr>
      <t>「会計監査人」等の法人</t>
    </r>
    <r>
      <rPr>
        <u/>
        <sz val="11"/>
        <color theme="1"/>
        <rFont val="ＭＳ 明朝"/>
        <family val="1"/>
        <charset val="128"/>
      </rPr>
      <t>を含む</t>
    </r>
    <r>
      <rPr>
        <sz val="11"/>
        <color theme="1"/>
        <rFont val="ＭＳ 明朝"/>
        <family val="1"/>
        <charset val="128"/>
      </rPr>
      <t>、登記事項証明書の「役員に関する事項」欄に記載の全ての役員（抹消事項に該当する者を除く。）を漏れなく記入してください。</t>
    </r>
    <phoneticPr fontId="3"/>
  </si>
  <si>
    <t>　記載した全ての者は、代表者又は役員のうちに暴力団員に該当する者がいないことを確認するため、本様式に記載された情報を神奈川県警察本部に照会することについて、同意しています。</t>
    <phoneticPr fontId="3"/>
  </si>
  <si>
    <t>（法人名称）</t>
    <phoneticPr fontId="3"/>
  </si>
  <si>
    <t>（代表者の職・氏名）</t>
    <phoneticPr fontId="3"/>
  </si>
  <si>
    <t>年号</t>
    <rPh sb="0" eb="2">
      <t>ネンゴウ</t>
    </rPh>
    <phoneticPr fontId="3"/>
  </si>
  <si>
    <t>T</t>
    <phoneticPr fontId="3"/>
  </si>
  <si>
    <t>S</t>
    <phoneticPr fontId="3"/>
  </si>
  <si>
    <t>H</t>
    <phoneticPr fontId="3"/>
  </si>
  <si>
    <t>生</t>
    <rPh sb="0" eb="1">
      <t>セイ</t>
    </rPh>
    <phoneticPr fontId="1"/>
  </si>
  <si>
    <t>別表６　第１号様式別紙１</t>
    <rPh sb="0" eb="2">
      <t>ベッピョウ</t>
    </rPh>
    <rPh sb="4" eb="5">
      <t>ダイ</t>
    </rPh>
    <rPh sb="6" eb="7">
      <t>ゴウ</t>
    </rPh>
    <rPh sb="7" eb="9">
      <t>ヨウシキ</t>
    </rPh>
    <rPh sb="9" eb="11">
      <t>ベッシ</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0"/>
    <numFmt numFmtId="177" formatCode="##"/>
    <numFmt numFmtId="178" formatCode="0_ "/>
    <numFmt numFmtId="179" formatCode="@&quot;.&quot;"/>
    <numFmt numFmtId="180" formatCode="0_);[Red]\(0\)"/>
  </numFmts>
  <fonts count="16" x14ac:knownFonts="1">
    <font>
      <sz val="11"/>
      <color theme="1"/>
      <name val="ＭＳ Ｐゴシック"/>
      <family val="2"/>
      <scheme val="minor"/>
    </font>
    <font>
      <sz val="18"/>
      <color theme="3"/>
      <name val="ＭＳ Ｐゴシック"/>
      <family val="2"/>
      <charset val="128"/>
      <scheme val="major"/>
    </font>
    <font>
      <sz val="11"/>
      <color theme="1"/>
      <name val="ＭＳ ゴシック"/>
      <family val="3"/>
      <charset val="128"/>
    </font>
    <font>
      <sz val="6"/>
      <name val="ＭＳ Ｐゴシック"/>
      <family val="3"/>
      <charset val="128"/>
      <scheme val="minor"/>
    </font>
    <font>
      <sz val="11"/>
      <color theme="1"/>
      <name val="ＭＳ 明朝"/>
      <family val="1"/>
      <charset val="128"/>
    </font>
    <font>
      <sz val="11"/>
      <name val="ＭＳ 明朝"/>
      <family val="1"/>
      <charset val="128"/>
    </font>
    <font>
      <sz val="10"/>
      <name val="ＭＳ 明朝"/>
      <family val="1"/>
      <charset val="128"/>
    </font>
    <font>
      <sz val="11"/>
      <color rgb="FFFF0000"/>
      <name val="HGS創英角ﾎﾟｯﾌﾟ体"/>
      <family val="3"/>
      <charset val="128"/>
    </font>
    <font>
      <sz val="8"/>
      <color theme="1"/>
      <name val="ＭＳ ゴシック"/>
      <family val="3"/>
      <charset val="128"/>
    </font>
    <font>
      <sz val="9"/>
      <color theme="1"/>
      <name val="ＭＳ Ｐゴシック"/>
      <family val="3"/>
      <charset val="128"/>
    </font>
    <font>
      <sz val="11"/>
      <color theme="1"/>
      <name val="ＭＳ Ｐゴシック"/>
      <family val="3"/>
      <charset val="128"/>
    </font>
    <font>
      <sz val="12"/>
      <color theme="1"/>
      <name val="ＭＳ 明朝"/>
      <family val="1"/>
      <charset val="128"/>
    </font>
    <font>
      <sz val="6"/>
      <color theme="1"/>
      <name val="ＭＳ 明朝"/>
      <family val="1"/>
      <charset val="128"/>
    </font>
    <font>
      <sz val="10"/>
      <color theme="1"/>
      <name val="ＭＳ 明朝"/>
      <family val="1"/>
      <charset val="128"/>
    </font>
    <font>
      <b/>
      <u/>
      <sz val="11"/>
      <color theme="1"/>
      <name val="ＭＳ ゴシック"/>
      <family val="3"/>
      <charset val="128"/>
    </font>
    <font>
      <u/>
      <sz val="11"/>
      <color theme="1"/>
      <name val="ＭＳ 明朝"/>
      <family val="1"/>
      <charset val="128"/>
    </font>
  </fonts>
  <fills count="2">
    <fill>
      <patternFill patternType="none"/>
    </fill>
    <fill>
      <patternFill patternType="gray125"/>
    </fill>
  </fills>
  <borders count="20">
    <border>
      <left/>
      <right/>
      <top/>
      <bottom/>
      <diagonal/>
    </border>
    <border>
      <left style="hair">
        <color indexed="64"/>
      </left>
      <right style="hair">
        <color indexed="64"/>
      </right>
      <top style="thin">
        <color indexed="64"/>
      </top>
      <bottom style="double">
        <color indexed="64"/>
      </bottom>
      <diagonal/>
    </border>
    <border>
      <left style="hair">
        <color indexed="64"/>
      </left>
      <right style="hair">
        <color indexed="64"/>
      </right>
      <top/>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bottom style="hair">
        <color indexed="64"/>
      </bottom>
      <diagonal/>
    </border>
    <border>
      <left style="hair">
        <color indexed="64"/>
      </left>
      <right style="hair">
        <color indexed="64"/>
      </right>
      <top style="hair">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dotted">
        <color indexed="64"/>
      </left>
      <right style="thin">
        <color indexed="64"/>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s>
  <cellStyleXfs count="1">
    <xf numFmtId="0" fontId="0" fillId="0" borderId="0"/>
  </cellStyleXfs>
  <cellXfs count="84">
    <xf numFmtId="0" fontId="0" fillId="0" borderId="0" xfId="0"/>
    <xf numFmtId="0" fontId="2" fillId="0" borderId="1" xfId="0" applyFont="1" applyBorder="1" applyAlignment="1">
      <alignment vertical="center"/>
    </xf>
    <xf numFmtId="0" fontId="2" fillId="0" borderId="1" xfId="0" applyFont="1" applyBorder="1" applyAlignment="1">
      <alignment vertical="center" shrinkToFit="1"/>
    </xf>
    <xf numFmtId="0" fontId="2" fillId="0" borderId="1" xfId="0" applyFont="1" applyBorder="1" applyAlignment="1">
      <alignment horizontal="left" vertical="center"/>
    </xf>
    <xf numFmtId="0" fontId="2" fillId="0" borderId="1" xfId="0" applyFont="1" applyBorder="1" applyAlignment="1">
      <alignment horizontal="center" vertical="center"/>
    </xf>
    <xf numFmtId="0" fontId="2" fillId="0" borderId="0" xfId="0" applyFont="1"/>
    <xf numFmtId="0" fontId="4" fillId="0" borderId="2" xfId="0" applyFont="1" applyBorder="1" applyAlignment="1">
      <alignment vertical="center"/>
    </xf>
    <xf numFmtId="0" fontId="4" fillId="0" borderId="2" xfId="0" applyFont="1" applyBorder="1" applyAlignment="1">
      <alignment vertical="center" shrinkToFit="1"/>
    </xf>
    <xf numFmtId="0" fontId="4" fillId="0" borderId="2" xfId="0" applyFont="1" applyBorder="1" applyAlignment="1">
      <alignment horizontal="left" vertical="center"/>
    </xf>
    <xf numFmtId="0" fontId="4" fillId="0" borderId="2" xfId="0" applyFont="1" applyBorder="1" applyAlignment="1">
      <alignment horizontal="center" vertical="center"/>
    </xf>
    <xf numFmtId="0" fontId="4" fillId="0" borderId="0" xfId="0" applyFont="1"/>
    <xf numFmtId="0" fontId="5" fillId="0" borderId="3" xfId="0" applyFont="1" applyBorder="1" applyAlignment="1">
      <alignment vertical="center"/>
    </xf>
    <xf numFmtId="0" fontId="5" fillId="0" borderId="3" xfId="0" applyFont="1" applyBorder="1" applyAlignment="1">
      <alignment vertical="center" shrinkToFit="1"/>
    </xf>
    <xf numFmtId="0" fontId="5" fillId="0" borderId="3" xfId="0" applyFont="1" applyBorder="1" applyAlignment="1">
      <alignment horizontal="left" vertical="center"/>
    </xf>
    <xf numFmtId="176" fontId="5" fillId="0" borderId="3" xfId="0" applyNumberFormat="1" applyFont="1" applyBorder="1" applyAlignment="1">
      <alignment horizontal="center" vertical="center"/>
    </xf>
    <xf numFmtId="0" fontId="5" fillId="0" borderId="3" xfId="0" applyFont="1" applyBorder="1" applyAlignment="1">
      <alignment horizontal="center" vertical="center"/>
    </xf>
    <xf numFmtId="0" fontId="5" fillId="0" borderId="4" xfId="0" applyFont="1" applyBorder="1" applyAlignment="1">
      <alignment horizontal="center" vertical="center"/>
    </xf>
    <xf numFmtId="0" fontId="0" fillId="0" borderId="2" xfId="0" applyBorder="1" applyAlignment="1">
      <alignment vertical="center"/>
    </xf>
    <xf numFmtId="0" fontId="6" fillId="0" borderId="3" xfId="0" applyFont="1" applyBorder="1" applyAlignment="1">
      <alignment vertical="center" wrapText="1" shrinkToFit="1"/>
    </xf>
    <xf numFmtId="0" fontId="6" fillId="0" borderId="5" xfId="0" applyFont="1" applyBorder="1" applyAlignment="1">
      <alignment horizontal="center" vertical="center" wrapText="1" shrinkToFit="1"/>
    </xf>
    <xf numFmtId="176" fontId="5" fillId="0" borderId="5" xfId="0" applyNumberFormat="1" applyFont="1" applyBorder="1" applyAlignment="1">
      <alignment horizontal="center" vertical="center"/>
    </xf>
    <xf numFmtId="0" fontId="5" fillId="0" borderId="5" xfId="0" applyFont="1" applyBorder="1" applyAlignment="1">
      <alignment horizontal="center" vertical="center"/>
    </xf>
    <xf numFmtId="0" fontId="5" fillId="0" borderId="5" xfId="0" applyFont="1" applyBorder="1" applyAlignment="1">
      <alignment horizontal="left" vertical="center"/>
    </xf>
    <xf numFmtId="0" fontId="0" fillId="0" borderId="3" xfId="0" applyBorder="1" applyAlignment="1">
      <alignment vertical="center"/>
    </xf>
    <xf numFmtId="0" fontId="0" fillId="0" borderId="3" xfId="0" applyBorder="1" applyAlignment="1">
      <alignment vertical="center" shrinkToFit="1"/>
    </xf>
    <xf numFmtId="0" fontId="0" fillId="0" borderId="3" xfId="0" applyBorder="1" applyAlignment="1">
      <alignment horizontal="left" vertical="center"/>
    </xf>
    <xf numFmtId="176" fontId="0" fillId="0" borderId="3" xfId="0" applyNumberFormat="1" applyBorder="1" applyAlignment="1">
      <alignment horizontal="center" vertical="center"/>
    </xf>
    <xf numFmtId="0" fontId="0" fillId="0" borderId="3" xfId="0" applyBorder="1" applyAlignment="1">
      <alignment horizontal="center" vertical="center"/>
    </xf>
    <xf numFmtId="0" fontId="0" fillId="0" borderId="0" xfId="0" applyAlignment="1">
      <alignment vertical="center"/>
    </xf>
    <xf numFmtId="0" fontId="0" fillId="0" borderId="0" xfId="0" applyAlignment="1">
      <alignment vertical="center" shrinkToFit="1"/>
    </xf>
    <xf numFmtId="0" fontId="0" fillId="0" borderId="0" xfId="0" applyAlignment="1">
      <alignment horizontal="left" vertical="center"/>
    </xf>
    <xf numFmtId="0" fontId="0" fillId="0" borderId="0" xfId="0" applyAlignment="1">
      <alignment horizontal="center" vertical="center"/>
    </xf>
    <xf numFmtId="0" fontId="5" fillId="0" borderId="0" xfId="0" applyFont="1" applyFill="1" applyAlignment="1">
      <alignment vertical="center"/>
    </xf>
    <xf numFmtId="0" fontId="4" fillId="0" borderId="0" xfId="0" applyFont="1" applyFill="1" applyAlignment="1">
      <alignment vertical="center" wrapText="1"/>
    </xf>
    <xf numFmtId="0" fontId="4" fillId="0" borderId="0" xfId="0" applyFont="1" applyFill="1" applyAlignment="1">
      <alignment vertical="center" shrinkToFit="1"/>
    </xf>
    <xf numFmtId="0" fontId="4" fillId="0" borderId="0" xfId="0" applyFont="1" applyFill="1" applyAlignment="1">
      <alignment horizontal="center" vertical="center"/>
    </xf>
    <xf numFmtId="0" fontId="4" fillId="0" borderId="0" xfId="0" applyFont="1" applyFill="1" applyAlignment="1">
      <alignment vertical="center"/>
    </xf>
    <xf numFmtId="0" fontId="8" fillId="0" borderId="0" xfId="0" applyFont="1" applyFill="1" applyAlignment="1">
      <alignment horizontal="right" vertical="center"/>
    </xf>
    <xf numFmtId="0" fontId="9" fillId="0" borderId="0" xfId="0" applyFont="1" applyFill="1" applyAlignment="1">
      <alignment horizontal="center" vertical="center" shrinkToFit="1"/>
    </xf>
    <xf numFmtId="0" fontId="10" fillId="0" borderId="0" xfId="0" applyFont="1" applyFill="1" applyAlignment="1">
      <alignment horizontal="center" vertical="center"/>
    </xf>
    <xf numFmtId="0" fontId="8" fillId="0" borderId="0" xfId="0" applyFont="1" applyFill="1" applyAlignment="1">
      <alignment vertical="center"/>
    </xf>
    <xf numFmtId="49" fontId="5" fillId="0" borderId="0" xfId="0" applyNumberFormat="1" applyFont="1" applyFill="1" applyAlignment="1" applyProtection="1">
      <alignment horizontal="right" vertical="center" shrinkToFit="1"/>
      <protection locked="0"/>
    </xf>
    <xf numFmtId="0" fontId="7" fillId="0" borderId="6" xfId="0" applyFont="1" applyFill="1" applyBorder="1" applyAlignment="1">
      <alignment horizontal="center" vertical="center"/>
    </xf>
    <xf numFmtId="0" fontId="4" fillId="0" borderId="7" xfId="0" applyFont="1" applyFill="1" applyBorder="1" applyAlignment="1">
      <alignment horizontal="center" vertical="center" wrapText="1"/>
    </xf>
    <xf numFmtId="0" fontId="4" fillId="0" borderId="17" xfId="0" applyFont="1" applyFill="1" applyBorder="1" applyAlignment="1">
      <alignment horizontal="center" vertical="center" wrapText="1"/>
    </xf>
    <xf numFmtId="0" fontId="4" fillId="0" borderId="18" xfId="0" applyFont="1" applyFill="1" applyBorder="1" applyAlignment="1">
      <alignment horizontal="center" vertical="center" wrapText="1"/>
    </xf>
    <xf numFmtId="0" fontId="4" fillId="0" borderId="9" xfId="0" applyFont="1" applyFill="1" applyBorder="1" applyAlignment="1">
      <alignment horizontal="center" vertical="center" wrapText="1"/>
    </xf>
    <xf numFmtId="0" fontId="13" fillId="0" borderId="6" xfId="0" applyFont="1" applyFill="1" applyBorder="1" applyAlignment="1" applyProtection="1">
      <alignment vertical="center" wrapText="1"/>
      <protection locked="0"/>
    </xf>
    <xf numFmtId="0" fontId="13" fillId="0" borderId="7" xfId="0" applyFont="1" applyFill="1" applyBorder="1" applyAlignment="1" applyProtection="1">
      <alignment vertical="center" wrapText="1" shrinkToFit="1"/>
      <protection locked="0"/>
    </xf>
    <xf numFmtId="0" fontId="13" fillId="0" borderId="17" xfId="0" applyFont="1" applyFill="1" applyBorder="1" applyAlignment="1" applyProtection="1">
      <alignment vertical="center" wrapText="1" shrinkToFit="1"/>
      <protection locked="0"/>
    </xf>
    <xf numFmtId="0" fontId="13" fillId="0" borderId="18" xfId="0" applyFont="1" applyFill="1" applyBorder="1" applyAlignment="1" applyProtection="1">
      <alignment vertical="center" wrapText="1" shrinkToFit="1"/>
      <protection locked="0"/>
    </xf>
    <xf numFmtId="0" fontId="13" fillId="0" borderId="8" xfId="0" applyFont="1" applyFill="1" applyBorder="1" applyAlignment="1" applyProtection="1">
      <alignment vertical="center" wrapText="1" shrinkToFit="1"/>
      <protection locked="0"/>
    </xf>
    <xf numFmtId="49" fontId="13" fillId="0" borderId="18" xfId="0" applyNumberFormat="1" applyFont="1" applyFill="1" applyBorder="1" applyAlignment="1" applyProtection="1">
      <alignment horizontal="center" vertical="center" shrinkToFit="1"/>
      <protection locked="0"/>
    </xf>
    <xf numFmtId="49" fontId="13" fillId="0" borderId="8" xfId="0" applyNumberFormat="1" applyFont="1" applyFill="1" applyBorder="1" applyAlignment="1" applyProtection="1">
      <alignment horizontal="center" vertical="center" shrinkToFit="1"/>
      <protection locked="0"/>
    </xf>
    <xf numFmtId="177" fontId="13" fillId="0" borderId="19" xfId="0" applyNumberFormat="1" applyFont="1" applyFill="1" applyBorder="1" applyAlignment="1" applyProtection="1">
      <alignment horizontal="center" vertical="center" shrinkToFit="1"/>
      <protection locked="0"/>
    </xf>
    <xf numFmtId="178" fontId="13" fillId="0" borderId="9" xfId="0" applyNumberFormat="1" applyFont="1" applyFill="1" applyBorder="1" applyAlignment="1" applyProtection="1">
      <alignment horizontal="center" vertical="center" shrinkToFit="1"/>
      <protection locked="0"/>
    </xf>
    <xf numFmtId="0" fontId="13" fillId="0" borderId="6" xfId="0" applyFont="1" applyFill="1" applyBorder="1" applyAlignment="1" applyProtection="1">
      <alignment horizontal="center" vertical="center"/>
      <protection locked="0"/>
    </xf>
    <xf numFmtId="0" fontId="13" fillId="0" borderId="7" xfId="0" applyFont="1" applyFill="1" applyBorder="1" applyAlignment="1" applyProtection="1">
      <alignment vertical="center"/>
      <protection locked="0"/>
    </xf>
    <xf numFmtId="0" fontId="13" fillId="0" borderId="9" xfId="0" applyFont="1" applyFill="1" applyBorder="1" applyAlignment="1" applyProtection="1">
      <alignment horizontal="left" vertical="center" wrapText="1"/>
      <protection locked="0"/>
    </xf>
    <xf numFmtId="0" fontId="10" fillId="0" borderId="6" xfId="0" applyFont="1" applyFill="1" applyBorder="1" applyAlignment="1">
      <alignment horizontal="center" vertical="center"/>
    </xf>
    <xf numFmtId="0" fontId="4" fillId="0" borderId="0" xfId="0" applyFont="1" applyFill="1" applyAlignment="1">
      <alignment horizontal="left" vertical="center"/>
    </xf>
    <xf numFmtId="0" fontId="4" fillId="0" borderId="0" xfId="0" applyFont="1" applyFill="1" applyAlignment="1">
      <alignment horizontal="center" vertical="center" shrinkToFit="1"/>
    </xf>
    <xf numFmtId="180" fontId="4" fillId="0" borderId="0" xfId="0" applyNumberFormat="1" applyFont="1" applyFill="1" applyAlignment="1">
      <alignment vertical="center" shrinkToFit="1"/>
    </xf>
    <xf numFmtId="0" fontId="4" fillId="0" borderId="0" xfId="0" applyFont="1" applyFill="1" applyAlignment="1">
      <alignment horizontal="left" vertical="center"/>
    </xf>
    <xf numFmtId="0" fontId="4" fillId="0" borderId="0" xfId="0" applyFont="1" applyFill="1" applyAlignment="1">
      <alignment horizontal="left" vertical="center" wrapText="1" shrinkToFit="1"/>
    </xf>
    <xf numFmtId="0" fontId="5" fillId="0" borderId="0" xfId="0" applyFont="1" applyFill="1" applyAlignment="1" applyProtection="1">
      <alignment horizontal="right" shrinkToFit="1"/>
      <protection locked="0"/>
    </xf>
    <xf numFmtId="0" fontId="13" fillId="0" borderId="7" xfId="0" applyFont="1" applyFill="1" applyBorder="1" applyAlignment="1" applyProtection="1">
      <alignment horizontal="center" vertical="center" wrapText="1" shrinkToFit="1"/>
      <protection locked="0"/>
    </xf>
    <xf numFmtId="0" fontId="13" fillId="0" borderId="9" xfId="0" applyFont="1" applyFill="1" applyBorder="1" applyAlignment="1" applyProtection="1">
      <alignment horizontal="center" vertical="center" wrapText="1" shrinkToFit="1"/>
      <protection locked="0"/>
    </xf>
    <xf numFmtId="179" fontId="13" fillId="0" borderId="7" xfId="0" applyNumberFormat="1" applyFont="1" applyFill="1" applyBorder="1" applyAlignment="1" applyProtection="1">
      <alignment horizontal="center" vertical="center" shrinkToFit="1"/>
      <protection locked="0"/>
    </xf>
    <xf numFmtId="179" fontId="13" fillId="0" borderId="8" xfId="0" applyNumberFormat="1" applyFont="1" applyFill="1" applyBorder="1" applyAlignment="1" applyProtection="1">
      <alignment horizontal="center" vertical="center" shrinkToFit="1"/>
      <protection locked="0"/>
    </xf>
    <xf numFmtId="179" fontId="13" fillId="0" borderId="9" xfId="0" applyNumberFormat="1" applyFont="1" applyFill="1" applyBorder="1" applyAlignment="1" applyProtection="1">
      <alignment horizontal="center" vertical="center" shrinkToFit="1"/>
      <protection locked="0"/>
    </xf>
    <xf numFmtId="0" fontId="4" fillId="0" borderId="0" xfId="0" applyFont="1" applyFill="1" applyAlignment="1">
      <alignment horizontal="left" vertical="center" wrapText="1"/>
    </xf>
    <xf numFmtId="0" fontId="11" fillId="0" borderId="0" xfId="0" applyFont="1" applyFill="1" applyAlignment="1">
      <alignment horizontal="center" vertical="center"/>
    </xf>
    <xf numFmtId="0" fontId="4" fillId="0" borderId="6" xfId="0" applyFont="1" applyFill="1" applyBorder="1" applyAlignment="1">
      <alignment horizontal="center" vertical="center"/>
    </xf>
    <xf numFmtId="0" fontId="4" fillId="0" borderId="7" xfId="0" applyFont="1" applyFill="1" applyBorder="1" applyAlignment="1">
      <alignment horizontal="center" vertical="center" wrapText="1"/>
    </xf>
    <xf numFmtId="0" fontId="4" fillId="0" borderId="9" xfId="0" applyFont="1" applyFill="1" applyBorder="1" applyAlignment="1">
      <alignment horizontal="center" vertical="center" wrapText="1"/>
    </xf>
    <xf numFmtId="0" fontId="4" fillId="0" borderId="10" xfId="0" applyFont="1" applyFill="1" applyBorder="1" applyAlignment="1">
      <alignment horizontal="center" vertical="center" wrapText="1"/>
    </xf>
    <xf numFmtId="0" fontId="4" fillId="0" borderId="12" xfId="0" applyFont="1" applyFill="1" applyBorder="1" applyAlignment="1">
      <alignment horizontal="center" vertical="center" wrapText="1"/>
    </xf>
    <xf numFmtId="0" fontId="4" fillId="0" borderId="10" xfId="0" applyFont="1" applyFill="1" applyBorder="1" applyAlignment="1">
      <alignment horizontal="center" vertical="center" shrinkToFit="1"/>
    </xf>
    <xf numFmtId="0" fontId="4" fillId="0" borderId="11" xfId="0" applyFont="1" applyFill="1" applyBorder="1" applyAlignment="1">
      <alignment horizontal="center" vertical="center" shrinkToFit="1"/>
    </xf>
    <xf numFmtId="0" fontId="4" fillId="0" borderId="16" xfId="0" applyFont="1" applyFill="1" applyBorder="1" applyAlignment="1">
      <alignment horizontal="center" vertical="center" wrapText="1" shrinkToFit="1"/>
    </xf>
    <xf numFmtId="0" fontId="4" fillId="0" borderId="15" xfId="0" applyFont="1" applyFill="1" applyBorder="1" applyAlignment="1">
      <alignment horizontal="center" vertical="center" shrinkToFit="1"/>
    </xf>
    <xf numFmtId="0" fontId="12" fillId="0" borderId="13" xfId="0" applyFont="1" applyFill="1" applyBorder="1" applyAlignment="1">
      <alignment horizontal="center" vertical="center" wrapText="1" shrinkToFit="1"/>
    </xf>
    <xf numFmtId="0" fontId="12" fillId="0" borderId="14" xfId="0" applyFont="1" applyFill="1" applyBorder="1" applyAlignment="1">
      <alignment horizontal="center" vertical="center" wrapText="1" shrinkToFit="1"/>
    </xf>
  </cellXfs>
  <cellStyles count="1">
    <cellStyle name="標準" xfId="0" builtinId="0"/>
  </cellStyles>
  <dxfs count="1">
    <dxf>
      <fill>
        <patternFill>
          <bgColor rgb="FFFF0000"/>
        </patternFill>
      </fill>
    </dxf>
  </dxfs>
  <tableStyles count="0" defaultTableStyle="TableStyleMedium2"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oneCellAnchor>
    <xdr:from>
      <xdr:col>0</xdr:col>
      <xdr:colOff>47625</xdr:colOff>
      <xdr:row>9</xdr:row>
      <xdr:rowOff>276225</xdr:rowOff>
    </xdr:from>
    <xdr:ext cx="761747" cy="242374"/>
    <xdr:sp macro="" textlink="">
      <xdr:nvSpPr>
        <xdr:cNvPr id="2" name="正方形/長方形 1">
          <a:extLst>
            <a:ext uri="{FF2B5EF4-FFF2-40B4-BE49-F238E27FC236}">
              <a16:creationId xmlns:a16="http://schemas.microsoft.com/office/drawing/2014/main" id="{42E3A76A-FAA9-4EB3-9842-3AC3B2B6F4C5}"/>
            </a:ext>
          </a:extLst>
        </xdr:cNvPr>
        <xdr:cNvSpPr/>
      </xdr:nvSpPr>
      <xdr:spPr>
        <a:xfrm>
          <a:off x="47625" y="1790700"/>
          <a:ext cx="761747" cy="242374"/>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t">
          <a:spAutoFit/>
        </a:bodyPr>
        <a:lstStyle/>
        <a:p>
          <a:pPr algn="l"/>
          <a:r>
            <a:rPr kumimoji="1" lang="ja-JP" altLang="en-US" sz="900">
              <a:solidFill>
                <a:schemeClr val="tx1"/>
              </a:solidFill>
            </a:rPr>
            <a:t>＜代表者＞</a:t>
          </a:r>
        </a:p>
      </xdr:txBody>
    </xdr:sp>
    <xdr:clientData/>
  </xdr:oneCellAnchor>
  <xdr:oneCellAnchor>
    <xdr:from>
      <xdr:col>0</xdr:col>
      <xdr:colOff>33617</xdr:colOff>
      <xdr:row>18</xdr:row>
      <xdr:rowOff>526677</xdr:rowOff>
    </xdr:from>
    <xdr:ext cx="530915" cy="242374"/>
    <xdr:sp macro="" textlink="">
      <xdr:nvSpPr>
        <xdr:cNvPr id="3" name="正方形/長方形 2">
          <a:extLst>
            <a:ext uri="{FF2B5EF4-FFF2-40B4-BE49-F238E27FC236}">
              <a16:creationId xmlns:a16="http://schemas.microsoft.com/office/drawing/2014/main" id="{198FEDCC-66D4-4FAF-B66D-9980886AA279}"/>
            </a:ext>
          </a:extLst>
        </xdr:cNvPr>
        <xdr:cNvSpPr/>
      </xdr:nvSpPr>
      <xdr:spPr>
        <a:xfrm>
          <a:off x="33617" y="6622677"/>
          <a:ext cx="530915" cy="242374"/>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t">
          <a:spAutoFit/>
        </a:bodyPr>
        <a:lstStyle/>
        <a:p>
          <a:pPr algn="l"/>
          <a:r>
            <a:rPr kumimoji="1" lang="ja-JP" altLang="en-US" sz="900">
              <a:solidFill>
                <a:schemeClr val="tx1"/>
              </a:solidFill>
            </a:rPr>
            <a:t>（法人）</a:t>
          </a: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F616CB6-9613-4BB4-9D7C-EAF78A29F746}">
  <sheetPr>
    <tabColor rgb="FFFFFFCC"/>
  </sheetPr>
  <dimension ref="A1:P154"/>
  <sheetViews>
    <sheetView showGridLines="0" showZeros="0" tabSelected="1" view="pageBreakPreview" zoomScaleNormal="115" zoomScaleSheetLayoutView="100" workbookViewId="0">
      <selection activeCell="C7" sqref="C7"/>
    </sheetView>
  </sheetViews>
  <sheetFormatPr defaultColWidth="8.875" defaultRowHeight="13.35" customHeight="1" x14ac:dyDescent="0.15"/>
  <cols>
    <col min="1" max="1" width="0.875" style="36" customWidth="1"/>
    <col min="2" max="2" width="11.875" style="36" customWidth="1"/>
    <col min="3" max="4" width="8.875" style="33" customWidth="1"/>
    <col min="5" max="6" width="6.625" style="33" customWidth="1"/>
    <col min="7" max="10" width="3.625" style="34" customWidth="1"/>
    <col min="11" max="11" width="3.75" style="35" customWidth="1"/>
    <col min="12" max="12" width="8.875" style="36" customWidth="1"/>
    <col min="13" max="13" width="20.875" style="36" customWidth="1"/>
    <col min="14" max="14" width="0.875" style="36" customWidth="1"/>
    <col min="15" max="15" width="1.125" style="36" customWidth="1"/>
    <col min="16" max="16" width="10.125" style="39" customWidth="1"/>
    <col min="17" max="16384" width="8.875" style="36"/>
  </cols>
  <sheetData>
    <row r="1" spans="2:16" ht="13.5" x14ac:dyDescent="0.15">
      <c r="B1" s="32" t="s">
        <v>78</v>
      </c>
      <c r="M1" s="37"/>
      <c r="P1" s="38"/>
    </row>
    <row r="2" spans="2:16" ht="13.35" customHeight="1" x14ac:dyDescent="0.15">
      <c r="M2" s="37"/>
    </row>
    <row r="3" spans="2:16" ht="13.35" customHeight="1" x14ac:dyDescent="0.15">
      <c r="M3" s="40"/>
    </row>
    <row r="4" spans="2:16" ht="14.25" x14ac:dyDescent="0.15">
      <c r="B4" s="72" t="s">
        <v>58</v>
      </c>
      <c r="C4" s="72"/>
      <c r="D4" s="72"/>
      <c r="E4" s="72"/>
      <c r="F4" s="72"/>
      <c r="G4" s="72"/>
      <c r="H4" s="72"/>
      <c r="I4" s="72"/>
      <c r="J4" s="72"/>
      <c r="K4" s="72"/>
      <c r="L4" s="72"/>
      <c r="M4" s="72"/>
    </row>
    <row r="5" spans="2:16" ht="13.5" x14ac:dyDescent="0.15"/>
    <row r="6" spans="2:16" ht="13.5" x14ac:dyDescent="0.15">
      <c r="F6" s="65"/>
      <c r="G6" s="65"/>
      <c r="H6" s="34" t="s">
        <v>9</v>
      </c>
      <c r="I6" s="41"/>
      <c r="J6" s="34" t="s">
        <v>4</v>
      </c>
      <c r="K6" s="41"/>
      <c r="L6" s="36" t="s">
        <v>59</v>
      </c>
      <c r="P6" s="42" t="str">
        <f>IF(OR(F6="",I6="",K6=""),"NG","OK")</f>
        <v>NG</v>
      </c>
    </row>
    <row r="9" spans="2:16" ht="15" customHeight="1" x14ac:dyDescent="0.15">
      <c r="B9" s="73" t="s">
        <v>60</v>
      </c>
      <c r="C9" s="74" t="s">
        <v>61</v>
      </c>
      <c r="D9" s="75"/>
      <c r="E9" s="76" t="s">
        <v>62</v>
      </c>
      <c r="F9" s="77"/>
      <c r="G9" s="78" t="s">
        <v>63</v>
      </c>
      <c r="H9" s="79"/>
      <c r="I9" s="79"/>
      <c r="J9" s="79"/>
      <c r="K9" s="80" t="s">
        <v>64</v>
      </c>
      <c r="L9" s="73" t="s">
        <v>65</v>
      </c>
      <c r="M9" s="73"/>
    </row>
    <row r="10" spans="2:16" ht="25.35" customHeight="1" x14ac:dyDescent="0.15">
      <c r="B10" s="73"/>
      <c r="C10" s="43" t="s">
        <v>66</v>
      </c>
      <c r="D10" s="44" t="s">
        <v>67</v>
      </c>
      <c r="E10" s="45" t="s">
        <v>66</v>
      </c>
      <c r="F10" s="46" t="s">
        <v>67</v>
      </c>
      <c r="G10" s="82" t="s">
        <v>68</v>
      </c>
      <c r="H10" s="83"/>
      <c r="I10" s="83"/>
      <c r="J10" s="83"/>
      <c r="K10" s="81"/>
      <c r="L10" s="73"/>
      <c r="M10" s="73"/>
    </row>
    <row r="11" spans="2:16" ht="42" customHeight="1" x14ac:dyDescent="0.15">
      <c r="B11" s="47"/>
      <c r="C11" s="48"/>
      <c r="D11" s="49"/>
      <c r="E11" s="50"/>
      <c r="F11" s="51"/>
      <c r="G11" s="52"/>
      <c r="H11" s="53"/>
      <c r="I11" s="54"/>
      <c r="J11" s="55"/>
      <c r="K11" s="56"/>
      <c r="L11" s="57"/>
      <c r="M11" s="58"/>
      <c r="P11" s="59" t="str">
        <f>IF(AND(B11="",C11="",D11="",E11="",F11="",G11="",H11="",I11="",J11="",K11="",L11="都道府県",M11=""),"",IF(AND(B11&lt;&gt;"",C11&lt;&gt;"",D11&lt;&gt;"",E11&lt;&gt;"",F11&lt;&gt;"",G11&lt;&gt;"",I11&lt;&gt;"",J11&lt;&gt;"",K11&lt;&gt;"",L11&lt;&gt;"都道府県",M11&lt;&gt;""),"OK","NG"))</f>
        <v>NG</v>
      </c>
    </row>
    <row r="12" spans="2:16" ht="42" customHeight="1" x14ac:dyDescent="0.15">
      <c r="B12" s="47"/>
      <c r="C12" s="48"/>
      <c r="D12" s="49"/>
      <c r="E12" s="50"/>
      <c r="F12" s="51"/>
      <c r="G12" s="52"/>
      <c r="H12" s="53"/>
      <c r="I12" s="54"/>
      <c r="J12" s="55"/>
      <c r="K12" s="56"/>
      <c r="L12" s="57"/>
      <c r="M12" s="58"/>
      <c r="P12" s="59" t="str">
        <f>IF(AND(B12="",C12="",D12="",E12="",F12="",G12="",H12="",I12="",J12="",K12="",L12="都道府県",M12=""),"",IF(AND(B12&lt;&gt;"",C12&lt;&gt;"",D12&lt;&gt;"",E12&lt;&gt;"",F12&lt;&gt;"",G12&lt;&gt;"",I12&lt;&gt;"",J12&lt;&gt;"",K12&lt;&gt;"",L12&lt;&gt;"都道府県",M12&lt;&gt;""),"OK","NG"))</f>
        <v>NG</v>
      </c>
    </row>
    <row r="13" spans="2:16" ht="42" customHeight="1" x14ac:dyDescent="0.15">
      <c r="B13" s="47"/>
      <c r="C13" s="48"/>
      <c r="D13" s="49"/>
      <c r="E13" s="50"/>
      <c r="F13" s="51"/>
      <c r="G13" s="52"/>
      <c r="H13" s="53"/>
      <c r="I13" s="54"/>
      <c r="J13" s="55"/>
      <c r="K13" s="56"/>
      <c r="L13" s="57"/>
      <c r="M13" s="58"/>
      <c r="P13" s="59" t="str">
        <f t="shared" ref="P13:P19" si="0">IF(AND(B13="",C13="",D13="",E13="",F13="",G13="",H13="",I13="",J13="",K13="",L13="都道府県",M13=""),"",IF(AND(B13&lt;&gt;"",C13&lt;&gt;"",D13&lt;&gt;"",E13&lt;&gt;"",F13&lt;&gt;"",G13&lt;&gt;"",I13&lt;&gt;"",J13&lt;&gt;"",K13&lt;&gt;"",L13&lt;&gt;"都道府県",M13&lt;&gt;""),"OK","NG"))</f>
        <v>NG</v>
      </c>
    </row>
    <row r="14" spans="2:16" ht="42" customHeight="1" x14ac:dyDescent="0.15">
      <c r="B14" s="47"/>
      <c r="C14" s="48"/>
      <c r="D14" s="49"/>
      <c r="E14" s="50"/>
      <c r="F14" s="51"/>
      <c r="G14" s="52"/>
      <c r="H14" s="53"/>
      <c r="I14" s="54"/>
      <c r="J14" s="55"/>
      <c r="K14" s="56"/>
      <c r="L14" s="57"/>
      <c r="M14" s="58"/>
      <c r="P14" s="59" t="str">
        <f t="shared" si="0"/>
        <v>NG</v>
      </c>
    </row>
    <row r="15" spans="2:16" ht="42" customHeight="1" x14ac:dyDescent="0.15">
      <c r="B15" s="47"/>
      <c r="C15" s="48"/>
      <c r="D15" s="49"/>
      <c r="E15" s="50"/>
      <c r="F15" s="51"/>
      <c r="G15" s="52"/>
      <c r="H15" s="53"/>
      <c r="I15" s="54"/>
      <c r="J15" s="55"/>
      <c r="K15" s="56"/>
      <c r="L15" s="57"/>
      <c r="M15" s="58"/>
      <c r="P15" s="59" t="str">
        <f t="shared" si="0"/>
        <v>NG</v>
      </c>
    </row>
    <row r="16" spans="2:16" ht="42" customHeight="1" x14ac:dyDescent="0.15">
      <c r="B16" s="47"/>
      <c r="C16" s="48"/>
      <c r="D16" s="49"/>
      <c r="E16" s="50"/>
      <c r="F16" s="51"/>
      <c r="G16" s="52"/>
      <c r="H16" s="53"/>
      <c r="I16" s="54"/>
      <c r="J16" s="55"/>
      <c r="K16" s="56"/>
      <c r="L16" s="57"/>
      <c r="M16" s="58"/>
      <c r="P16" s="59" t="str">
        <f t="shared" si="0"/>
        <v>NG</v>
      </c>
    </row>
    <row r="17" spans="2:16" ht="42" customHeight="1" x14ac:dyDescent="0.15">
      <c r="B17" s="47"/>
      <c r="C17" s="48"/>
      <c r="D17" s="49"/>
      <c r="E17" s="50"/>
      <c r="F17" s="51"/>
      <c r="G17" s="52"/>
      <c r="H17" s="53"/>
      <c r="I17" s="54"/>
      <c r="J17" s="55"/>
      <c r="K17" s="56"/>
      <c r="L17" s="57"/>
      <c r="M17" s="58"/>
      <c r="P17" s="59" t="str">
        <f t="shared" si="0"/>
        <v>NG</v>
      </c>
    </row>
    <row r="18" spans="2:16" ht="42" customHeight="1" x14ac:dyDescent="0.15">
      <c r="B18" s="47"/>
      <c r="C18" s="48"/>
      <c r="D18" s="49"/>
      <c r="E18" s="50"/>
      <c r="F18" s="51"/>
      <c r="G18" s="52"/>
      <c r="H18" s="53"/>
      <c r="I18" s="54"/>
      <c r="J18" s="55"/>
      <c r="K18" s="56"/>
      <c r="L18" s="57"/>
      <c r="M18" s="58"/>
      <c r="P18" s="59" t="str">
        <f t="shared" si="0"/>
        <v>NG</v>
      </c>
    </row>
    <row r="19" spans="2:16" ht="42" customHeight="1" x14ac:dyDescent="0.15">
      <c r="B19" s="47"/>
      <c r="C19" s="48"/>
      <c r="D19" s="49"/>
      <c r="E19" s="50"/>
      <c r="F19" s="51"/>
      <c r="G19" s="52"/>
      <c r="H19" s="53"/>
      <c r="I19" s="54"/>
      <c r="J19" s="55"/>
      <c r="K19" s="56"/>
      <c r="L19" s="57"/>
      <c r="M19" s="58"/>
      <c r="P19" s="59" t="str">
        <f t="shared" si="0"/>
        <v>NG</v>
      </c>
    </row>
    <row r="20" spans="2:16" ht="42" customHeight="1" x14ac:dyDescent="0.15">
      <c r="B20" s="47"/>
      <c r="C20" s="66"/>
      <c r="D20" s="67"/>
      <c r="E20" s="66"/>
      <c r="F20" s="67"/>
      <c r="G20" s="68"/>
      <c r="H20" s="69"/>
      <c r="I20" s="69"/>
      <c r="J20" s="70"/>
      <c r="K20" s="56"/>
      <c r="L20" s="57"/>
      <c r="M20" s="58"/>
      <c r="P20" s="59" t="str">
        <f>IF(AND(B20="",C20="",E20="",L20="都道府県",M20=""),"",IF(AND(B20&lt;&gt;"",C20&lt;&gt;"",E20&lt;&gt;"",L20&lt;&gt;"都道府県",M20&lt;&gt;""),"OK","NG"))</f>
        <v>NG</v>
      </c>
    </row>
    <row r="22" spans="2:16" ht="15" customHeight="1" x14ac:dyDescent="0.15">
      <c r="B22" s="71" t="s">
        <v>69</v>
      </c>
      <c r="C22" s="71"/>
      <c r="D22" s="71"/>
      <c r="E22" s="71"/>
      <c r="F22" s="71"/>
      <c r="G22" s="71"/>
      <c r="H22" s="71"/>
      <c r="I22" s="71"/>
      <c r="J22" s="71"/>
      <c r="K22" s="71"/>
      <c r="L22" s="71"/>
      <c r="M22" s="71"/>
    </row>
    <row r="23" spans="2:16" ht="15" customHeight="1" x14ac:dyDescent="0.15">
      <c r="B23" s="71"/>
      <c r="C23" s="71"/>
      <c r="D23" s="71"/>
      <c r="E23" s="71"/>
      <c r="F23" s="71"/>
      <c r="G23" s="71"/>
      <c r="H23" s="71"/>
      <c r="I23" s="71"/>
      <c r="J23" s="71"/>
      <c r="K23" s="71"/>
      <c r="L23" s="71"/>
      <c r="M23" s="71"/>
    </row>
    <row r="24" spans="2:16" ht="13.5" x14ac:dyDescent="0.15">
      <c r="C24" s="36"/>
      <c r="D24" s="36"/>
      <c r="E24" s="36"/>
      <c r="F24" s="36"/>
      <c r="G24" s="36"/>
      <c r="H24" s="36"/>
      <c r="I24" s="36"/>
      <c r="J24" s="36"/>
    </row>
    <row r="25" spans="2:16" ht="13.5" x14ac:dyDescent="0.15">
      <c r="B25" s="71" t="s">
        <v>70</v>
      </c>
      <c r="C25" s="71"/>
      <c r="D25" s="71"/>
      <c r="E25" s="71"/>
      <c r="F25" s="71"/>
      <c r="G25" s="71"/>
      <c r="H25" s="71"/>
      <c r="I25" s="71"/>
      <c r="J25" s="71"/>
      <c r="K25" s="71"/>
      <c r="L25" s="71"/>
      <c r="M25" s="71"/>
    </row>
    <row r="26" spans="2:16" ht="13.5" x14ac:dyDescent="0.15">
      <c r="B26" s="71"/>
      <c r="C26" s="71"/>
      <c r="D26" s="71"/>
      <c r="E26" s="71"/>
      <c r="F26" s="71"/>
      <c r="G26" s="71"/>
      <c r="H26" s="71"/>
      <c r="I26" s="71"/>
      <c r="J26" s="71"/>
      <c r="K26" s="71"/>
      <c r="L26" s="71"/>
      <c r="M26" s="71"/>
    </row>
    <row r="27" spans="2:16" ht="13.5" x14ac:dyDescent="0.15">
      <c r="B27" s="71"/>
      <c r="C27" s="71"/>
      <c r="D27" s="71"/>
      <c r="E27" s="71"/>
      <c r="F27" s="71"/>
      <c r="G27" s="71"/>
      <c r="H27" s="71"/>
      <c r="I27" s="71"/>
      <c r="J27" s="71"/>
      <c r="K27" s="71"/>
      <c r="L27" s="71"/>
      <c r="M27" s="71"/>
    </row>
    <row r="28" spans="2:16" ht="13.5" x14ac:dyDescent="0.15">
      <c r="C28" s="36"/>
      <c r="D28" s="36"/>
      <c r="E28" s="36"/>
      <c r="F28" s="36"/>
      <c r="G28" s="36"/>
      <c r="H28" s="36"/>
      <c r="I28" s="36"/>
      <c r="J28" s="36"/>
      <c r="K28" s="36"/>
    </row>
    <row r="29" spans="2:16" ht="16.5" customHeight="1" x14ac:dyDescent="0.15">
      <c r="C29" s="36"/>
      <c r="D29" s="63" t="s">
        <v>71</v>
      </c>
      <c r="E29" s="63"/>
      <c r="F29" s="63"/>
      <c r="G29" s="64"/>
      <c r="H29" s="64"/>
      <c r="I29" s="64"/>
      <c r="J29" s="64"/>
      <c r="K29" s="64"/>
      <c r="L29" s="64"/>
      <c r="M29" s="64"/>
    </row>
    <row r="30" spans="2:16" ht="13.5" x14ac:dyDescent="0.15">
      <c r="C30" s="36"/>
      <c r="D30" s="36"/>
      <c r="E30" s="36"/>
      <c r="F30" s="34"/>
      <c r="L30" s="60"/>
      <c r="M30" s="60"/>
    </row>
    <row r="31" spans="2:16" ht="16.5" customHeight="1" x14ac:dyDescent="0.15">
      <c r="C31" s="36"/>
      <c r="D31" s="63" t="s">
        <v>72</v>
      </c>
      <c r="E31" s="63"/>
      <c r="F31" s="63"/>
      <c r="G31" s="64" t="str">
        <f>B11&amp;"　"&amp;C11&amp;"　"&amp;D11</f>
        <v>　　</v>
      </c>
      <c r="H31" s="64"/>
      <c r="I31" s="64"/>
      <c r="J31" s="64"/>
      <c r="K31" s="64"/>
      <c r="L31" s="64"/>
      <c r="M31" s="64"/>
    </row>
    <row r="32" spans="2:16" ht="13.5" x14ac:dyDescent="0.15">
      <c r="C32" s="36"/>
      <c r="D32" s="36"/>
      <c r="E32" s="36"/>
      <c r="F32" s="36"/>
      <c r="G32" s="36"/>
      <c r="H32" s="36"/>
      <c r="I32" s="36"/>
      <c r="J32" s="36"/>
    </row>
    <row r="33" spans="3:12" ht="13.5" x14ac:dyDescent="0.15">
      <c r="C33" s="36"/>
      <c r="D33" s="36"/>
      <c r="E33" s="36"/>
      <c r="F33" s="36"/>
      <c r="G33" s="36"/>
      <c r="H33" s="36"/>
      <c r="I33" s="36"/>
      <c r="J33" s="36"/>
    </row>
    <row r="34" spans="3:12" ht="13.35" customHeight="1" x14ac:dyDescent="0.15">
      <c r="C34" s="36"/>
      <c r="D34" s="36"/>
      <c r="E34" s="36"/>
      <c r="F34" s="36"/>
      <c r="G34" s="36"/>
      <c r="H34" s="36"/>
      <c r="I34" s="36"/>
      <c r="J34" s="36"/>
    </row>
    <row r="35" spans="3:12" ht="13.35" customHeight="1" x14ac:dyDescent="0.15">
      <c r="C35" s="36"/>
      <c r="D35" s="36"/>
      <c r="E35" s="36"/>
      <c r="F35" s="36"/>
      <c r="G35" s="36"/>
      <c r="H35" s="36"/>
      <c r="I35" s="36"/>
      <c r="J35" s="36"/>
    </row>
    <row r="36" spans="3:12" ht="13.35" customHeight="1" x14ac:dyDescent="0.15">
      <c r="C36" s="36"/>
      <c r="D36" s="36"/>
      <c r="E36" s="36"/>
      <c r="F36" s="36"/>
      <c r="G36" s="36"/>
      <c r="H36" s="36"/>
      <c r="I36" s="36"/>
      <c r="J36" s="36"/>
    </row>
    <row r="40" spans="3:12" ht="13.35" customHeight="1" x14ac:dyDescent="0.15">
      <c r="G40" s="61" t="s">
        <v>73</v>
      </c>
      <c r="H40" s="61" t="s">
        <v>9</v>
      </c>
      <c r="I40" s="61" t="s">
        <v>4</v>
      </c>
      <c r="J40" s="61" t="s">
        <v>5</v>
      </c>
      <c r="L40" s="36" t="s">
        <v>10</v>
      </c>
    </row>
    <row r="41" spans="3:12" ht="13.35" customHeight="1" x14ac:dyDescent="0.15">
      <c r="G41" s="34" t="s">
        <v>74</v>
      </c>
      <c r="H41" s="34">
        <v>1</v>
      </c>
      <c r="I41" s="62">
        <v>1</v>
      </c>
      <c r="J41" s="34">
        <v>1</v>
      </c>
      <c r="L41" s="36" t="s">
        <v>11</v>
      </c>
    </row>
    <row r="42" spans="3:12" ht="13.35" customHeight="1" x14ac:dyDescent="0.15">
      <c r="G42" s="34" t="s">
        <v>75</v>
      </c>
      <c r="H42" s="34">
        <v>2</v>
      </c>
      <c r="I42" s="62">
        <v>2</v>
      </c>
      <c r="J42" s="34">
        <v>2</v>
      </c>
      <c r="L42" s="36" t="s">
        <v>12</v>
      </c>
    </row>
    <row r="43" spans="3:12" ht="13.35" customHeight="1" x14ac:dyDescent="0.15">
      <c r="G43" s="34" t="s">
        <v>76</v>
      </c>
      <c r="H43" s="34">
        <v>3</v>
      </c>
      <c r="I43" s="62">
        <v>3</v>
      </c>
      <c r="J43" s="34">
        <v>3</v>
      </c>
      <c r="L43" s="36" t="s">
        <v>13</v>
      </c>
    </row>
    <row r="44" spans="3:12" ht="13.35" customHeight="1" x14ac:dyDescent="0.15">
      <c r="H44" s="34">
        <v>4</v>
      </c>
      <c r="I44" s="62">
        <v>4</v>
      </c>
      <c r="J44" s="34">
        <v>4</v>
      </c>
      <c r="L44" s="36" t="s">
        <v>14</v>
      </c>
    </row>
    <row r="45" spans="3:12" ht="13.35" customHeight="1" x14ac:dyDescent="0.15">
      <c r="H45" s="34">
        <v>5</v>
      </c>
      <c r="I45" s="62">
        <v>5</v>
      </c>
      <c r="J45" s="34">
        <v>5</v>
      </c>
      <c r="L45" s="36" t="s">
        <v>15</v>
      </c>
    </row>
    <row r="46" spans="3:12" ht="13.35" customHeight="1" x14ac:dyDescent="0.15">
      <c r="H46" s="34">
        <v>6</v>
      </c>
      <c r="I46" s="62">
        <v>6</v>
      </c>
      <c r="J46" s="34">
        <v>6</v>
      </c>
      <c r="L46" s="36" t="s">
        <v>16</v>
      </c>
    </row>
    <row r="47" spans="3:12" ht="13.35" customHeight="1" x14ac:dyDescent="0.15">
      <c r="H47" s="34">
        <v>7</v>
      </c>
      <c r="I47" s="62">
        <v>7</v>
      </c>
      <c r="J47" s="34">
        <v>7</v>
      </c>
      <c r="L47" s="36" t="s">
        <v>17</v>
      </c>
    </row>
    <row r="48" spans="3:12" ht="13.35" customHeight="1" x14ac:dyDescent="0.15">
      <c r="H48" s="34">
        <v>8</v>
      </c>
      <c r="I48" s="62">
        <v>8</v>
      </c>
      <c r="J48" s="34">
        <v>8</v>
      </c>
      <c r="L48" s="36" t="s">
        <v>18</v>
      </c>
    </row>
    <row r="49" spans="8:12" ht="13.35" customHeight="1" x14ac:dyDescent="0.15">
      <c r="H49" s="34">
        <v>9</v>
      </c>
      <c r="I49" s="62">
        <v>9</v>
      </c>
      <c r="J49" s="34">
        <v>9</v>
      </c>
      <c r="L49" s="36" t="s">
        <v>19</v>
      </c>
    </row>
    <row r="50" spans="8:12" ht="13.35" customHeight="1" x14ac:dyDescent="0.15">
      <c r="H50" s="34">
        <v>10</v>
      </c>
      <c r="I50" s="62">
        <v>10</v>
      </c>
      <c r="J50" s="34">
        <v>10</v>
      </c>
      <c r="L50" s="36" t="s">
        <v>20</v>
      </c>
    </row>
    <row r="51" spans="8:12" ht="13.35" customHeight="1" x14ac:dyDescent="0.15">
      <c r="H51" s="34">
        <v>11</v>
      </c>
      <c r="I51" s="62">
        <v>11</v>
      </c>
      <c r="J51" s="34">
        <v>11</v>
      </c>
      <c r="L51" s="36" t="s">
        <v>21</v>
      </c>
    </row>
    <row r="52" spans="8:12" ht="13.35" customHeight="1" x14ac:dyDescent="0.15">
      <c r="H52" s="34">
        <v>12</v>
      </c>
      <c r="I52" s="62">
        <v>12</v>
      </c>
      <c r="J52" s="34">
        <v>12</v>
      </c>
      <c r="L52" s="36" t="s">
        <v>22</v>
      </c>
    </row>
    <row r="53" spans="8:12" ht="13.35" customHeight="1" x14ac:dyDescent="0.15">
      <c r="H53" s="34">
        <v>13</v>
      </c>
      <c r="J53" s="34">
        <v>13</v>
      </c>
      <c r="L53" s="36" t="s">
        <v>23</v>
      </c>
    </row>
    <row r="54" spans="8:12" ht="13.35" customHeight="1" x14ac:dyDescent="0.15">
      <c r="H54" s="34">
        <v>14</v>
      </c>
      <c r="J54" s="34">
        <v>14</v>
      </c>
      <c r="L54" s="36" t="s">
        <v>24</v>
      </c>
    </row>
    <row r="55" spans="8:12" ht="13.35" customHeight="1" x14ac:dyDescent="0.15">
      <c r="H55" s="34">
        <v>15</v>
      </c>
      <c r="J55" s="34">
        <v>15</v>
      </c>
      <c r="L55" s="36" t="s">
        <v>25</v>
      </c>
    </row>
    <row r="56" spans="8:12" ht="13.35" customHeight="1" x14ac:dyDescent="0.15">
      <c r="H56" s="34">
        <v>16</v>
      </c>
      <c r="J56" s="34">
        <v>16</v>
      </c>
      <c r="L56" s="36" t="s">
        <v>26</v>
      </c>
    </row>
    <row r="57" spans="8:12" ht="13.35" customHeight="1" x14ac:dyDescent="0.15">
      <c r="H57" s="34">
        <v>17</v>
      </c>
      <c r="J57" s="34">
        <v>17</v>
      </c>
      <c r="L57" s="36" t="s">
        <v>27</v>
      </c>
    </row>
    <row r="58" spans="8:12" ht="13.35" customHeight="1" x14ac:dyDescent="0.15">
      <c r="H58" s="34">
        <v>18</v>
      </c>
      <c r="J58" s="34">
        <v>18</v>
      </c>
      <c r="L58" s="36" t="s">
        <v>28</v>
      </c>
    </row>
    <row r="59" spans="8:12" ht="13.35" customHeight="1" x14ac:dyDescent="0.15">
      <c r="H59" s="34">
        <v>19</v>
      </c>
      <c r="J59" s="34">
        <v>19</v>
      </c>
      <c r="L59" s="36" t="s">
        <v>29</v>
      </c>
    </row>
    <row r="60" spans="8:12" ht="13.35" customHeight="1" x14ac:dyDescent="0.15">
      <c r="H60" s="34">
        <v>20</v>
      </c>
      <c r="J60" s="34">
        <v>20</v>
      </c>
      <c r="L60" s="36" t="s">
        <v>30</v>
      </c>
    </row>
    <row r="61" spans="8:12" ht="13.35" customHeight="1" x14ac:dyDescent="0.15">
      <c r="H61" s="34">
        <v>21</v>
      </c>
      <c r="J61" s="34">
        <v>21</v>
      </c>
      <c r="L61" s="36" t="s">
        <v>31</v>
      </c>
    </row>
    <row r="62" spans="8:12" ht="13.35" customHeight="1" x14ac:dyDescent="0.15">
      <c r="H62" s="34">
        <v>22</v>
      </c>
      <c r="J62" s="34">
        <v>22</v>
      </c>
      <c r="L62" s="36" t="s">
        <v>32</v>
      </c>
    </row>
    <row r="63" spans="8:12" ht="13.35" customHeight="1" x14ac:dyDescent="0.15">
      <c r="H63" s="34">
        <v>23</v>
      </c>
      <c r="J63" s="34">
        <v>23</v>
      </c>
      <c r="L63" s="36" t="s">
        <v>33</v>
      </c>
    </row>
    <row r="64" spans="8:12" ht="13.35" customHeight="1" x14ac:dyDescent="0.15">
      <c r="H64" s="34">
        <v>24</v>
      </c>
      <c r="J64" s="34">
        <v>24</v>
      </c>
      <c r="L64" s="36" t="s">
        <v>34</v>
      </c>
    </row>
    <row r="65" spans="8:12" ht="13.35" customHeight="1" x14ac:dyDescent="0.15">
      <c r="H65" s="34">
        <v>25</v>
      </c>
      <c r="J65" s="34">
        <v>25</v>
      </c>
      <c r="L65" s="36" t="s">
        <v>35</v>
      </c>
    </row>
    <row r="66" spans="8:12" ht="13.35" customHeight="1" x14ac:dyDescent="0.15">
      <c r="H66" s="34">
        <v>26</v>
      </c>
      <c r="J66" s="34">
        <v>26</v>
      </c>
      <c r="L66" s="36" t="s">
        <v>36</v>
      </c>
    </row>
    <row r="67" spans="8:12" ht="13.35" customHeight="1" x14ac:dyDescent="0.15">
      <c r="H67" s="34">
        <v>27</v>
      </c>
      <c r="J67" s="34">
        <v>27</v>
      </c>
      <c r="L67" s="36" t="s">
        <v>37</v>
      </c>
    </row>
    <row r="68" spans="8:12" ht="13.35" customHeight="1" x14ac:dyDescent="0.15">
      <c r="H68" s="34">
        <v>28</v>
      </c>
      <c r="J68" s="34">
        <v>28</v>
      </c>
      <c r="L68" s="36" t="s">
        <v>38</v>
      </c>
    </row>
    <row r="69" spans="8:12" ht="13.35" customHeight="1" x14ac:dyDescent="0.15">
      <c r="H69" s="34">
        <v>29</v>
      </c>
      <c r="J69" s="34">
        <v>29</v>
      </c>
      <c r="L69" s="36" t="s">
        <v>39</v>
      </c>
    </row>
    <row r="70" spans="8:12" ht="13.35" customHeight="1" x14ac:dyDescent="0.15">
      <c r="H70" s="34">
        <v>30</v>
      </c>
      <c r="J70" s="34">
        <v>30</v>
      </c>
      <c r="L70" s="36" t="s">
        <v>40</v>
      </c>
    </row>
    <row r="71" spans="8:12" ht="13.35" customHeight="1" x14ac:dyDescent="0.15">
      <c r="H71" s="34">
        <v>31</v>
      </c>
      <c r="J71" s="34">
        <v>31</v>
      </c>
      <c r="L71" s="36" t="s">
        <v>41</v>
      </c>
    </row>
    <row r="72" spans="8:12" ht="13.35" customHeight="1" x14ac:dyDescent="0.15">
      <c r="H72" s="34">
        <v>32</v>
      </c>
      <c r="L72" s="36" t="s">
        <v>42</v>
      </c>
    </row>
    <row r="73" spans="8:12" ht="13.35" customHeight="1" x14ac:dyDescent="0.15">
      <c r="H73" s="34">
        <v>33</v>
      </c>
      <c r="L73" s="36" t="s">
        <v>43</v>
      </c>
    </row>
    <row r="74" spans="8:12" ht="13.35" customHeight="1" x14ac:dyDescent="0.15">
      <c r="H74" s="34">
        <v>34</v>
      </c>
      <c r="L74" s="36" t="s">
        <v>44</v>
      </c>
    </row>
    <row r="75" spans="8:12" ht="13.35" customHeight="1" x14ac:dyDescent="0.15">
      <c r="H75" s="34">
        <v>35</v>
      </c>
      <c r="L75" s="36" t="s">
        <v>45</v>
      </c>
    </row>
    <row r="76" spans="8:12" ht="13.35" customHeight="1" x14ac:dyDescent="0.15">
      <c r="H76" s="34">
        <v>36</v>
      </c>
      <c r="L76" s="36" t="s">
        <v>46</v>
      </c>
    </row>
    <row r="77" spans="8:12" ht="13.35" customHeight="1" x14ac:dyDescent="0.15">
      <c r="H77" s="34">
        <v>37</v>
      </c>
      <c r="L77" s="36" t="s">
        <v>47</v>
      </c>
    </row>
    <row r="78" spans="8:12" ht="13.35" customHeight="1" x14ac:dyDescent="0.15">
      <c r="H78" s="34">
        <v>38</v>
      </c>
      <c r="L78" s="36" t="s">
        <v>48</v>
      </c>
    </row>
    <row r="79" spans="8:12" ht="13.35" customHeight="1" x14ac:dyDescent="0.15">
      <c r="H79" s="34">
        <v>39</v>
      </c>
      <c r="L79" s="36" t="s">
        <v>49</v>
      </c>
    </row>
    <row r="80" spans="8:12" ht="13.35" customHeight="1" x14ac:dyDescent="0.15">
      <c r="H80" s="34">
        <v>40</v>
      </c>
      <c r="L80" s="36" t="s">
        <v>50</v>
      </c>
    </row>
    <row r="81" spans="8:12" ht="13.35" customHeight="1" x14ac:dyDescent="0.15">
      <c r="H81" s="34">
        <v>41</v>
      </c>
      <c r="L81" s="36" t="s">
        <v>51</v>
      </c>
    </row>
    <row r="82" spans="8:12" ht="13.35" customHeight="1" x14ac:dyDescent="0.15">
      <c r="H82" s="34">
        <v>42</v>
      </c>
      <c r="L82" s="36" t="s">
        <v>52</v>
      </c>
    </row>
    <row r="83" spans="8:12" ht="13.35" customHeight="1" x14ac:dyDescent="0.15">
      <c r="H83" s="34">
        <v>43</v>
      </c>
      <c r="L83" s="36" t="s">
        <v>53</v>
      </c>
    </row>
    <row r="84" spans="8:12" ht="13.35" customHeight="1" x14ac:dyDescent="0.15">
      <c r="H84" s="34">
        <v>44</v>
      </c>
      <c r="L84" s="36" t="s">
        <v>54</v>
      </c>
    </row>
    <row r="85" spans="8:12" ht="13.35" customHeight="1" x14ac:dyDescent="0.15">
      <c r="H85" s="34">
        <v>45</v>
      </c>
      <c r="L85" s="36" t="s">
        <v>55</v>
      </c>
    </row>
    <row r="86" spans="8:12" ht="13.35" customHeight="1" x14ac:dyDescent="0.15">
      <c r="H86" s="34">
        <v>46</v>
      </c>
      <c r="L86" s="36" t="s">
        <v>56</v>
      </c>
    </row>
    <row r="87" spans="8:12" ht="13.35" customHeight="1" x14ac:dyDescent="0.15">
      <c r="H87" s="34">
        <v>47</v>
      </c>
      <c r="L87" s="36" t="s">
        <v>57</v>
      </c>
    </row>
    <row r="88" spans="8:12" ht="13.35" customHeight="1" x14ac:dyDescent="0.15">
      <c r="H88" s="34">
        <v>48</v>
      </c>
    </row>
    <row r="89" spans="8:12" ht="13.35" customHeight="1" x14ac:dyDescent="0.15">
      <c r="H89" s="34">
        <v>49</v>
      </c>
    </row>
    <row r="90" spans="8:12" ht="13.35" customHeight="1" x14ac:dyDescent="0.15">
      <c r="H90" s="34">
        <v>50</v>
      </c>
    </row>
    <row r="91" spans="8:12" ht="13.35" customHeight="1" x14ac:dyDescent="0.15">
      <c r="H91" s="34">
        <v>51</v>
      </c>
    </row>
    <row r="92" spans="8:12" ht="13.35" customHeight="1" x14ac:dyDescent="0.15">
      <c r="H92" s="34">
        <v>52</v>
      </c>
    </row>
    <row r="93" spans="8:12" ht="13.35" customHeight="1" x14ac:dyDescent="0.15">
      <c r="H93" s="34">
        <v>53</v>
      </c>
    </row>
    <row r="94" spans="8:12" ht="13.35" customHeight="1" x14ac:dyDescent="0.15">
      <c r="H94" s="34">
        <v>54</v>
      </c>
    </row>
    <row r="95" spans="8:12" ht="13.35" customHeight="1" x14ac:dyDescent="0.15">
      <c r="H95" s="34">
        <v>55</v>
      </c>
    </row>
    <row r="96" spans="8:12" ht="13.35" customHeight="1" x14ac:dyDescent="0.15">
      <c r="H96" s="34">
        <v>56</v>
      </c>
    </row>
    <row r="97" spans="1:16" ht="13.35" customHeight="1" x14ac:dyDescent="0.15">
      <c r="H97" s="34">
        <v>57</v>
      </c>
    </row>
    <row r="98" spans="1:16" ht="13.35" customHeight="1" x14ac:dyDescent="0.15">
      <c r="H98" s="34">
        <v>58</v>
      </c>
    </row>
    <row r="99" spans="1:16" ht="13.35" customHeight="1" x14ac:dyDescent="0.15">
      <c r="H99" s="34">
        <v>59</v>
      </c>
    </row>
    <row r="100" spans="1:16" ht="13.35" customHeight="1" x14ac:dyDescent="0.15">
      <c r="H100" s="34">
        <v>60</v>
      </c>
    </row>
    <row r="101" spans="1:16" ht="13.35" customHeight="1" x14ac:dyDescent="0.15">
      <c r="H101" s="34">
        <v>61</v>
      </c>
    </row>
    <row r="102" spans="1:16" ht="13.35" customHeight="1" x14ac:dyDescent="0.15">
      <c r="H102" s="34">
        <v>62</v>
      </c>
    </row>
    <row r="103" spans="1:16" s="34" customFormat="1" ht="13.35" customHeight="1" x14ac:dyDescent="0.15">
      <c r="A103" s="36"/>
      <c r="B103" s="36"/>
      <c r="C103" s="33"/>
      <c r="D103" s="33"/>
      <c r="E103" s="33"/>
      <c r="F103" s="33"/>
      <c r="H103" s="34">
        <v>63</v>
      </c>
      <c r="K103" s="35"/>
      <c r="L103" s="36"/>
      <c r="M103" s="36"/>
      <c r="N103" s="36"/>
      <c r="O103" s="36"/>
      <c r="P103" s="39"/>
    </row>
    <row r="104" spans="1:16" s="34" customFormat="1" ht="13.35" customHeight="1" x14ac:dyDescent="0.15">
      <c r="A104" s="36"/>
      <c r="B104" s="36"/>
      <c r="C104" s="33"/>
      <c r="D104" s="33"/>
      <c r="E104" s="33"/>
      <c r="F104" s="33"/>
      <c r="H104" s="34">
        <v>64</v>
      </c>
      <c r="K104" s="35"/>
      <c r="L104" s="36"/>
      <c r="M104" s="36"/>
      <c r="N104" s="36"/>
      <c r="O104" s="36"/>
      <c r="P104" s="39"/>
    </row>
    <row r="105" spans="1:16" s="34" customFormat="1" ht="13.35" customHeight="1" x14ac:dyDescent="0.15">
      <c r="A105" s="36"/>
      <c r="B105" s="36"/>
      <c r="C105" s="33"/>
      <c r="D105" s="33"/>
      <c r="E105" s="33"/>
      <c r="F105" s="33"/>
      <c r="K105" s="35"/>
      <c r="L105" s="36"/>
      <c r="M105" s="36"/>
      <c r="N105" s="36"/>
      <c r="O105" s="36"/>
      <c r="P105" s="39"/>
    </row>
    <row r="106" spans="1:16" s="34" customFormat="1" ht="13.35" customHeight="1" x14ac:dyDescent="0.15">
      <c r="A106" s="36"/>
      <c r="B106" s="36"/>
      <c r="C106" s="33"/>
      <c r="D106" s="33"/>
      <c r="E106" s="33"/>
      <c r="F106" s="33"/>
      <c r="K106" s="35"/>
      <c r="L106" s="36"/>
      <c r="M106" s="36"/>
      <c r="N106" s="36"/>
      <c r="O106" s="36"/>
      <c r="P106" s="39"/>
    </row>
    <row r="107" spans="1:16" s="34" customFormat="1" ht="13.35" customHeight="1" x14ac:dyDescent="0.15">
      <c r="A107" s="36"/>
      <c r="B107" s="36"/>
      <c r="C107" s="33"/>
      <c r="D107" s="33"/>
      <c r="E107" s="33"/>
      <c r="F107" s="33"/>
      <c r="K107" s="35"/>
      <c r="L107" s="36"/>
      <c r="M107" s="36"/>
      <c r="N107" s="36"/>
      <c r="O107" s="36"/>
      <c r="P107" s="39"/>
    </row>
    <row r="108" spans="1:16" s="34" customFormat="1" ht="13.35" customHeight="1" x14ac:dyDescent="0.15">
      <c r="A108" s="36"/>
      <c r="B108" s="36"/>
      <c r="C108" s="33"/>
      <c r="D108" s="33"/>
      <c r="E108" s="33"/>
      <c r="F108" s="33"/>
      <c r="K108" s="35"/>
      <c r="L108" s="36"/>
      <c r="M108" s="36"/>
      <c r="N108" s="36"/>
      <c r="O108" s="36"/>
      <c r="P108" s="39"/>
    </row>
    <row r="109" spans="1:16" s="34" customFormat="1" ht="13.35" customHeight="1" x14ac:dyDescent="0.15">
      <c r="A109" s="36"/>
      <c r="B109" s="36"/>
      <c r="C109" s="33"/>
      <c r="D109" s="33"/>
      <c r="E109" s="33"/>
      <c r="F109" s="33"/>
      <c r="K109" s="35"/>
      <c r="L109" s="36"/>
      <c r="M109" s="36"/>
      <c r="N109" s="36"/>
      <c r="O109" s="36"/>
      <c r="P109" s="39"/>
    </row>
    <row r="110" spans="1:16" s="34" customFormat="1" ht="13.35" customHeight="1" x14ac:dyDescent="0.15">
      <c r="A110" s="36"/>
      <c r="B110" s="36"/>
      <c r="C110" s="33"/>
      <c r="D110" s="33"/>
      <c r="E110" s="33"/>
      <c r="F110" s="33"/>
      <c r="K110" s="35"/>
      <c r="L110" s="36"/>
      <c r="M110" s="36"/>
      <c r="N110" s="36"/>
      <c r="O110" s="36"/>
      <c r="P110" s="39"/>
    </row>
    <row r="111" spans="1:16" s="34" customFormat="1" ht="13.35" customHeight="1" x14ac:dyDescent="0.15">
      <c r="A111" s="36"/>
      <c r="B111" s="36"/>
      <c r="C111" s="33"/>
      <c r="D111" s="33"/>
      <c r="E111" s="33"/>
      <c r="F111" s="33"/>
      <c r="K111" s="35"/>
      <c r="L111" s="36"/>
      <c r="M111" s="36"/>
      <c r="N111" s="36"/>
      <c r="O111" s="36"/>
      <c r="P111" s="39"/>
    </row>
    <row r="112" spans="1:16" s="34" customFormat="1" ht="13.35" customHeight="1" x14ac:dyDescent="0.15">
      <c r="A112" s="36"/>
      <c r="B112" s="36"/>
      <c r="C112" s="33"/>
      <c r="D112" s="33"/>
      <c r="E112" s="33"/>
      <c r="F112" s="33"/>
      <c r="K112" s="35"/>
      <c r="L112" s="36"/>
      <c r="M112" s="36"/>
      <c r="N112" s="36"/>
      <c r="O112" s="36"/>
      <c r="P112" s="39"/>
    </row>
    <row r="113" spans="1:16" s="34" customFormat="1" ht="13.35" customHeight="1" x14ac:dyDescent="0.15">
      <c r="A113" s="36"/>
      <c r="B113" s="36"/>
      <c r="C113" s="33"/>
      <c r="D113" s="33"/>
      <c r="E113" s="33"/>
      <c r="F113" s="33"/>
      <c r="K113" s="35"/>
      <c r="L113" s="36"/>
      <c r="M113" s="36"/>
      <c r="N113" s="36"/>
      <c r="O113" s="36"/>
      <c r="P113" s="39"/>
    </row>
    <row r="114" spans="1:16" s="34" customFormat="1" ht="13.35" customHeight="1" x14ac:dyDescent="0.15">
      <c r="A114" s="36"/>
      <c r="B114" s="36"/>
      <c r="C114" s="33"/>
      <c r="D114" s="33"/>
      <c r="E114" s="33"/>
      <c r="F114" s="33"/>
      <c r="K114" s="35"/>
      <c r="L114" s="36"/>
      <c r="M114" s="36"/>
      <c r="N114" s="36"/>
      <c r="O114" s="36"/>
      <c r="P114" s="39"/>
    </row>
    <row r="115" spans="1:16" s="34" customFormat="1" ht="13.35" customHeight="1" x14ac:dyDescent="0.15">
      <c r="A115" s="36"/>
      <c r="B115" s="36"/>
      <c r="C115" s="33"/>
      <c r="D115" s="33"/>
      <c r="E115" s="33"/>
      <c r="F115" s="33"/>
      <c r="K115" s="35"/>
      <c r="L115" s="36"/>
      <c r="M115" s="36"/>
      <c r="N115" s="36"/>
      <c r="O115" s="36"/>
      <c r="P115" s="39"/>
    </row>
    <row r="116" spans="1:16" s="34" customFormat="1" ht="13.35" customHeight="1" x14ac:dyDescent="0.15">
      <c r="A116" s="36"/>
      <c r="B116" s="36"/>
      <c r="C116" s="33"/>
      <c r="D116" s="33"/>
      <c r="E116" s="33"/>
      <c r="F116" s="33"/>
      <c r="K116" s="35"/>
      <c r="L116" s="36"/>
      <c r="M116" s="36"/>
      <c r="N116" s="36"/>
      <c r="O116" s="36"/>
      <c r="P116" s="39"/>
    </row>
    <row r="117" spans="1:16" s="34" customFormat="1" ht="13.35" customHeight="1" x14ac:dyDescent="0.15">
      <c r="A117" s="36"/>
      <c r="B117" s="36"/>
      <c r="C117" s="33"/>
      <c r="D117" s="33"/>
      <c r="E117" s="33"/>
      <c r="F117" s="33"/>
      <c r="K117" s="35"/>
      <c r="L117" s="36"/>
      <c r="M117" s="36"/>
      <c r="N117" s="36"/>
      <c r="O117" s="36"/>
      <c r="P117" s="39"/>
    </row>
    <row r="118" spans="1:16" s="34" customFormat="1" ht="13.35" customHeight="1" x14ac:dyDescent="0.15">
      <c r="A118" s="36"/>
      <c r="B118" s="36"/>
      <c r="C118" s="33"/>
      <c r="D118" s="33"/>
      <c r="E118" s="33"/>
      <c r="F118" s="33"/>
      <c r="K118" s="35"/>
      <c r="L118" s="36"/>
      <c r="M118" s="36"/>
      <c r="N118" s="36"/>
      <c r="O118" s="36"/>
      <c r="P118" s="39"/>
    </row>
    <row r="119" spans="1:16" s="34" customFormat="1" ht="13.35" customHeight="1" x14ac:dyDescent="0.15">
      <c r="A119" s="36"/>
      <c r="B119" s="36"/>
      <c r="C119" s="33"/>
      <c r="D119" s="33"/>
      <c r="E119" s="33"/>
      <c r="F119" s="33"/>
      <c r="K119" s="35"/>
      <c r="L119" s="36"/>
      <c r="M119" s="36"/>
      <c r="N119" s="36"/>
      <c r="O119" s="36"/>
      <c r="P119" s="39"/>
    </row>
    <row r="120" spans="1:16" s="34" customFormat="1" ht="13.35" customHeight="1" x14ac:dyDescent="0.15">
      <c r="A120" s="36"/>
      <c r="B120" s="36"/>
      <c r="C120" s="33"/>
      <c r="D120" s="33"/>
      <c r="E120" s="33"/>
      <c r="F120" s="33"/>
      <c r="K120" s="35"/>
      <c r="L120" s="36"/>
      <c r="M120" s="36"/>
      <c r="N120" s="36"/>
      <c r="O120" s="36"/>
      <c r="P120" s="39"/>
    </row>
    <row r="121" spans="1:16" s="34" customFormat="1" ht="13.35" customHeight="1" x14ac:dyDescent="0.15">
      <c r="A121" s="36"/>
      <c r="B121" s="36"/>
      <c r="C121" s="33"/>
      <c r="D121" s="33"/>
      <c r="E121" s="33"/>
      <c r="F121" s="33"/>
      <c r="K121" s="35"/>
      <c r="L121" s="36"/>
      <c r="M121" s="36"/>
      <c r="N121" s="36"/>
      <c r="O121" s="36"/>
      <c r="P121" s="39"/>
    </row>
    <row r="122" spans="1:16" s="34" customFormat="1" ht="13.35" customHeight="1" x14ac:dyDescent="0.15">
      <c r="A122" s="36"/>
      <c r="B122" s="36"/>
      <c r="C122" s="33"/>
      <c r="D122" s="33"/>
      <c r="E122" s="33"/>
      <c r="F122" s="33"/>
      <c r="K122" s="35"/>
      <c r="L122" s="36"/>
      <c r="M122" s="36"/>
      <c r="N122" s="36"/>
      <c r="O122" s="36"/>
      <c r="P122" s="39"/>
    </row>
    <row r="123" spans="1:16" s="34" customFormat="1" ht="13.35" customHeight="1" x14ac:dyDescent="0.15">
      <c r="A123" s="36"/>
      <c r="B123" s="36"/>
      <c r="C123" s="33"/>
      <c r="D123" s="33"/>
      <c r="E123" s="33"/>
      <c r="F123" s="33"/>
      <c r="K123" s="35"/>
      <c r="L123" s="36"/>
      <c r="M123" s="36"/>
      <c r="N123" s="36"/>
      <c r="O123" s="36"/>
      <c r="P123" s="39"/>
    </row>
    <row r="124" spans="1:16" s="34" customFormat="1" ht="13.35" customHeight="1" x14ac:dyDescent="0.15">
      <c r="A124" s="36"/>
      <c r="B124" s="36"/>
      <c r="C124" s="33"/>
      <c r="D124" s="33"/>
      <c r="E124" s="33"/>
      <c r="F124" s="33"/>
      <c r="K124" s="35"/>
      <c r="L124" s="36"/>
      <c r="M124" s="36"/>
      <c r="N124" s="36"/>
      <c r="O124" s="36"/>
      <c r="P124" s="39"/>
    </row>
    <row r="125" spans="1:16" s="34" customFormat="1" ht="13.35" customHeight="1" x14ac:dyDescent="0.15">
      <c r="A125" s="36"/>
      <c r="B125" s="36"/>
      <c r="C125" s="33"/>
      <c r="D125" s="33"/>
      <c r="E125" s="33"/>
      <c r="F125" s="33"/>
      <c r="K125" s="35"/>
      <c r="L125" s="36"/>
      <c r="M125" s="36"/>
      <c r="N125" s="36"/>
      <c r="O125" s="36"/>
      <c r="P125" s="39"/>
    </row>
    <row r="126" spans="1:16" s="34" customFormat="1" ht="13.35" customHeight="1" x14ac:dyDescent="0.15">
      <c r="A126" s="36"/>
      <c r="B126" s="36"/>
      <c r="C126" s="33"/>
      <c r="D126" s="33"/>
      <c r="E126" s="33"/>
      <c r="F126" s="33"/>
      <c r="K126" s="35"/>
      <c r="L126" s="36"/>
      <c r="M126" s="36"/>
      <c r="N126" s="36"/>
      <c r="O126" s="36"/>
      <c r="P126" s="39"/>
    </row>
    <row r="127" spans="1:16" s="34" customFormat="1" ht="13.35" customHeight="1" x14ac:dyDescent="0.15">
      <c r="A127" s="36"/>
      <c r="B127" s="36"/>
      <c r="C127" s="33"/>
      <c r="D127" s="33"/>
      <c r="E127" s="33"/>
      <c r="F127" s="33"/>
      <c r="K127" s="35"/>
      <c r="L127" s="36"/>
      <c r="M127" s="36"/>
      <c r="N127" s="36"/>
      <c r="O127" s="36"/>
      <c r="P127" s="39"/>
    </row>
    <row r="128" spans="1:16" s="34" customFormat="1" ht="13.35" customHeight="1" x14ac:dyDescent="0.15">
      <c r="A128" s="36"/>
      <c r="B128" s="36"/>
      <c r="C128" s="33"/>
      <c r="D128" s="33"/>
      <c r="E128" s="33"/>
      <c r="F128" s="33"/>
      <c r="K128" s="35"/>
      <c r="L128" s="36"/>
      <c r="M128" s="36"/>
      <c r="N128" s="36"/>
      <c r="O128" s="36"/>
      <c r="P128" s="39"/>
    </row>
    <row r="129" spans="1:16" s="34" customFormat="1" ht="13.35" customHeight="1" x14ac:dyDescent="0.15">
      <c r="A129" s="36"/>
      <c r="B129" s="36"/>
      <c r="C129" s="33"/>
      <c r="D129" s="33"/>
      <c r="E129" s="33"/>
      <c r="F129" s="33"/>
      <c r="K129" s="35"/>
      <c r="L129" s="36"/>
      <c r="M129" s="36"/>
      <c r="N129" s="36"/>
      <c r="O129" s="36"/>
      <c r="P129" s="39"/>
    </row>
    <row r="130" spans="1:16" s="34" customFormat="1" ht="13.35" customHeight="1" x14ac:dyDescent="0.15">
      <c r="A130" s="36"/>
      <c r="B130" s="36"/>
      <c r="C130" s="33"/>
      <c r="D130" s="33"/>
      <c r="E130" s="33"/>
      <c r="F130" s="33"/>
      <c r="K130" s="35"/>
      <c r="L130" s="36"/>
      <c r="M130" s="36"/>
      <c r="N130" s="36"/>
      <c r="O130" s="36"/>
      <c r="P130" s="39"/>
    </row>
    <row r="131" spans="1:16" s="34" customFormat="1" ht="13.35" customHeight="1" x14ac:dyDescent="0.15">
      <c r="A131" s="36"/>
      <c r="B131" s="36"/>
      <c r="C131" s="33"/>
      <c r="D131" s="33"/>
      <c r="E131" s="33"/>
      <c r="F131" s="33"/>
      <c r="K131" s="35"/>
      <c r="L131" s="36"/>
      <c r="M131" s="36"/>
      <c r="N131" s="36"/>
      <c r="O131" s="36"/>
      <c r="P131" s="39"/>
    </row>
    <row r="132" spans="1:16" s="34" customFormat="1" ht="13.35" customHeight="1" x14ac:dyDescent="0.15">
      <c r="A132" s="36"/>
      <c r="B132" s="36"/>
      <c r="C132" s="33"/>
      <c r="D132" s="33"/>
      <c r="E132" s="33"/>
      <c r="F132" s="33"/>
      <c r="K132" s="35"/>
      <c r="L132" s="36"/>
      <c r="M132" s="36"/>
      <c r="N132" s="36"/>
      <c r="O132" s="36"/>
      <c r="P132" s="39"/>
    </row>
    <row r="133" spans="1:16" s="34" customFormat="1" ht="13.35" customHeight="1" x14ac:dyDescent="0.15">
      <c r="A133" s="36"/>
      <c r="B133" s="36"/>
      <c r="C133" s="33"/>
      <c r="D133" s="33"/>
      <c r="E133" s="33"/>
      <c r="F133" s="33"/>
      <c r="K133" s="35"/>
      <c r="L133" s="36"/>
      <c r="M133" s="36"/>
      <c r="N133" s="36"/>
      <c r="O133" s="36"/>
      <c r="P133" s="39"/>
    </row>
    <row r="134" spans="1:16" s="34" customFormat="1" ht="13.35" customHeight="1" x14ac:dyDescent="0.15">
      <c r="A134" s="36"/>
      <c r="B134" s="36"/>
      <c r="C134" s="33"/>
      <c r="D134" s="33"/>
      <c r="E134" s="33"/>
      <c r="F134" s="33"/>
      <c r="K134" s="35"/>
      <c r="L134" s="36"/>
      <c r="M134" s="36"/>
      <c r="N134" s="36"/>
      <c r="O134" s="36"/>
      <c r="P134" s="39"/>
    </row>
    <row r="135" spans="1:16" s="34" customFormat="1" ht="13.35" customHeight="1" x14ac:dyDescent="0.15">
      <c r="A135" s="36"/>
      <c r="B135" s="36"/>
      <c r="C135" s="33"/>
      <c r="D135" s="33"/>
      <c r="E135" s="33"/>
      <c r="F135" s="33"/>
      <c r="K135" s="35"/>
      <c r="L135" s="36"/>
      <c r="M135" s="36"/>
      <c r="N135" s="36"/>
      <c r="O135" s="36"/>
      <c r="P135" s="39"/>
    </row>
    <row r="136" spans="1:16" s="34" customFormat="1" ht="13.35" customHeight="1" x14ac:dyDescent="0.15">
      <c r="A136" s="36"/>
      <c r="B136" s="36"/>
      <c r="C136" s="33"/>
      <c r="D136" s="33"/>
      <c r="E136" s="33"/>
      <c r="F136" s="33"/>
      <c r="K136" s="35"/>
      <c r="L136" s="36"/>
      <c r="M136" s="36"/>
      <c r="N136" s="36"/>
      <c r="O136" s="36"/>
      <c r="P136" s="39"/>
    </row>
    <row r="137" spans="1:16" s="34" customFormat="1" ht="13.35" customHeight="1" x14ac:dyDescent="0.15">
      <c r="A137" s="36"/>
      <c r="B137" s="36"/>
      <c r="C137" s="33"/>
      <c r="D137" s="33"/>
      <c r="E137" s="33"/>
      <c r="F137" s="33"/>
      <c r="K137" s="35"/>
      <c r="L137" s="36"/>
      <c r="M137" s="36"/>
      <c r="N137" s="36"/>
      <c r="O137" s="36"/>
      <c r="P137" s="39"/>
    </row>
    <row r="138" spans="1:16" s="34" customFormat="1" ht="13.35" customHeight="1" x14ac:dyDescent="0.15">
      <c r="A138" s="36"/>
      <c r="B138" s="36"/>
      <c r="C138" s="33"/>
      <c r="D138" s="33"/>
      <c r="E138" s="33"/>
      <c r="F138" s="33"/>
      <c r="K138" s="35"/>
      <c r="L138" s="36"/>
      <c r="M138" s="36"/>
      <c r="N138" s="36"/>
      <c r="O138" s="36"/>
      <c r="P138" s="39"/>
    </row>
    <row r="139" spans="1:16" s="34" customFormat="1" ht="13.35" customHeight="1" x14ac:dyDescent="0.15">
      <c r="A139" s="36"/>
      <c r="B139" s="36"/>
      <c r="C139" s="33"/>
      <c r="D139" s="33"/>
      <c r="E139" s="33"/>
      <c r="F139" s="33"/>
      <c r="K139" s="35"/>
      <c r="L139" s="36"/>
      <c r="M139" s="36"/>
      <c r="N139" s="36"/>
      <c r="O139" s="36"/>
      <c r="P139" s="39"/>
    </row>
    <row r="140" spans="1:16" s="34" customFormat="1" ht="13.35" customHeight="1" x14ac:dyDescent="0.15">
      <c r="A140" s="36"/>
      <c r="B140" s="36"/>
      <c r="C140" s="33"/>
      <c r="D140" s="33"/>
      <c r="E140" s="33"/>
      <c r="F140" s="33"/>
      <c r="K140" s="35"/>
      <c r="L140" s="36"/>
      <c r="M140" s="36"/>
      <c r="N140" s="36"/>
      <c r="O140" s="36"/>
      <c r="P140" s="39"/>
    </row>
    <row r="141" spans="1:16" s="34" customFormat="1" ht="13.35" customHeight="1" x14ac:dyDescent="0.15">
      <c r="A141" s="36"/>
      <c r="B141" s="36"/>
      <c r="C141" s="33"/>
      <c r="D141" s="33"/>
      <c r="E141" s="33"/>
      <c r="F141" s="33"/>
      <c r="K141" s="35"/>
      <c r="L141" s="36"/>
      <c r="M141" s="36"/>
      <c r="N141" s="36"/>
      <c r="O141" s="36"/>
      <c r="P141" s="39"/>
    </row>
    <row r="142" spans="1:16" s="34" customFormat="1" ht="13.35" customHeight="1" x14ac:dyDescent="0.15">
      <c r="A142" s="36"/>
      <c r="B142" s="36"/>
      <c r="C142" s="33"/>
      <c r="D142" s="33"/>
      <c r="E142" s="33"/>
      <c r="F142" s="33"/>
      <c r="K142" s="35"/>
      <c r="L142" s="36"/>
      <c r="M142" s="36"/>
      <c r="N142" s="36"/>
      <c r="O142" s="36"/>
      <c r="P142" s="39"/>
    </row>
    <row r="143" spans="1:16" s="34" customFormat="1" ht="13.35" customHeight="1" x14ac:dyDescent="0.15">
      <c r="A143" s="36"/>
      <c r="B143" s="36"/>
      <c r="C143" s="33"/>
      <c r="D143" s="33"/>
      <c r="E143" s="33"/>
      <c r="F143" s="33"/>
      <c r="K143" s="35"/>
      <c r="L143" s="36"/>
      <c r="M143" s="36"/>
      <c r="N143" s="36"/>
      <c r="O143" s="36"/>
      <c r="P143" s="39"/>
    </row>
    <row r="144" spans="1:16" s="34" customFormat="1" ht="13.35" customHeight="1" x14ac:dyDescent="0.15">
      <c r="A144" s="36"/>
      <c r="B144" s="36"/>
      <c r="C144" s="33"/>
      <c r="D144" s="33"/>
      <c r="E144" s="33"/>
      <c r="F144" s="33"/>
      <c r="K144" s="35"/>
      <c r="L144" s="36"/>
      <c r="M144" s="36"/>
      <c r="N144" s="36"/>
      <c r="O144" s="36"/>
      <c r="P144" s="39"/>
    </row>
    <row r="145" spans="1:16" s="34" customFormat="1" ht="13.35" customHeight="1" x14ac:dyDescent="0.15">
      <c r="A145" s="36"/>
      <c r="B145" s="36"/>
      <c r="C145" s="33"/>
      <c r="D145" s="33"/>
      <c r="E145" s="33"/>
      <c r="F145" s="33"/>
      <c r="K145" s="35"/>
      <c r="L145" s="36"/>
      <c r="M145" s="36"/>
      <c r="N145" s="36"/>
      <c r="O145" s="36"/>
      <c r="P145" s="39"/>
    </row>
    <row r="146" spans="1:16" s="34" customFormat="1" ht="13.35" customHeight="1" x14ac:dyDescent="0.15">
      <c r="A146" s="36"/>
      <c r="B146" s="36"/>
      <c r="C146" s="33"/>
      <c r="D146" s="33"/>
      <c r="E146" s="33"/>
      <c r="F146" s="33"/>
      <c r="K146" s="35"/>
      <c r="L146" s="36"/>
      <c r="M146" s="36"/>
      <c r="N146" s="36"/>
      <c r="O146" s="36"/>
      <c r="P146" s="39"/>
    </row>
    <row r="147" spans="1:16" s="34" customFormat="1" ht="13.35" customHeight="1" x14ac:dyDescent="0.15">
      <c r="A147" s="36"/>
      <c r="B147" s="36"/>
      <c r="C147" s="33"/>
      <c r="D147" s="33"/>
      <c r="E147" s="33"/>
      <c r="F147" s="33"/>
      <c r="K147" s="35"/>
      <c r="L147" s="36"/>
      <c r="M147" s="36"/>
      <c r="N147" s="36"/>
      <c r="O147" s="36"/>
      <c r="P147" s="39"/>
    </row>
    <row r="148" spans="1:16" s="34" customFormat="1" ht="13.35" customHeight="1" x14ac:dyDescent="0.15">
      <c r="A148" s="36"/>
      <c r="B148" s="36"/>
      <c r="C148" s="33"/>
      <c r="D148" s="33"/>
      <c r="E148" s="33"/>
      <c r="F148" s="33"/>
      <c r="K148" s="35"/>
      <c r="L148" s="36"/>
      <c r="M148" s="36"/>
      <c r="N148" s="36"/>
      <c r="O148" s="36"/>
      <c r="P148" s="39"/>
    </row>
    <row r="149" spans="1:16" s="34" customFormat="1" ht="13.35" customHeight="1" x14ac:dyDescent="0.15">
      <c r="A149" s="36"/>
      <c r="B149" s="36"/>
      <c r="C149" s="33"/>
      <c r="D149" s="33"/>
      <c r="E149" s="33"/>
      <c r="F149" s="33"/>
      <c r="K149" s="35"/>
      <c r="L149" s="36"/>
      <c r="M149" s="36"/>
      <c r="N149" s="36"/>
      <c r="O149" s="36"/>
      <c r="P149" s="39"/>
    </row>
    <row r="150" spans="1:16" s="34" customFormat="1" ht="13.35" customHeight="1" x14ac:dyDescent="0.15">
      <c r="A150" s="36"/>
      <c r="B150" s="36"/>
      <c r="C150" s="33"/>
      <c r="D150" s="33"/>
      <c r="E150" s="33"/>
      <c r="F150" s="33"/>
      <c r="K150" s="35"/>
      <c r="L150" s="36"/>
      <c r="M150" s="36"/>
      <c r="N150" s="36"/>
      <c r="O150" s="36"/>
      <c r="P150" s="39"/>
    </row>
    <row r="151" spans="1:16" s="34" customFormat="1" ht="13.35" customHeight="1" x14ac:dyDescent="0.15">
      <c r="A151" s="36"/>
      <c r="B151" s="36"/>
      <c r="C151" s="33"/>
      <c r="D151" s="33"/>
      <c r="E151" s="33"/>
      <c r="F151" s="33"/>
      <c r="K151" s="35"/>
      <c r="L151" s="36"/>
      <c r="M151" s="36"/>
      <c r="N151" s="36"/>
      <c r="O151" s="36"/>
      <c r="P151" s="39"/>
    </row>
    <row r="152" spans="1:16" s="34" customFormat="1" ht="13.35" customHeight="1" x14ac:dyDescent="0.15">
      <c r="A152" s="36"/>
      <c r="B152" s="36"/>
      <c r="C152" s="33"/>
      <c r="D152" s="33"/>
      <c r="E152" s="33"/>
      <c r="F152" s="33"/>
      <c r="K152" s="35"/>
      <c r="L152" s="36"/>
      <c r="M152" s="36"/>
      <c r="N152" s="36"/>
      <c r="O152" s="36"/>
      <c r="P152" s="39"/>
    </row>
    <row r="153" spans="1:16" s="34" customFormat="1" ht="13.35" customHeight="1" x14ac:dyDescent="0.15">
      <c r="A153" s="36"/>
      <c r="B153" s="36"/>
      <c r="C153" s="33"/>
      <c r="D153" s="33"/>
      <c r="E153" s="33"/>
      <c r="F153" s="33"/>
      <c r="K153" s="35"/>
      <c r="L153" s="36"/>
      <c r="M153" s="36"/>
      <c r="N153" s="36"/>
      <c r="O153" s="36"/>
      <c r="P153" s="39"/>
    </row>
    <row r="154" spans="1:16" s="34" customFormat="1" ht="13.35" customHeight="1" x14ac:dyDescent="0.15">
      <c r="A154" s="36"/>
      <c r="B154" s="36"/>
      <c r="C154" s="33"/>
      <c r="D154" s="33"/>
      <c r="E154" s="33"/>
      <c r="F154" s="33"/>
      <c r="K154" s="35"/>
      <c r="L154" s="36"/>
      <c r="M154" s="36"/>
      <c r="N154" s="36"/>
      <c r="O154" s="36"/>
      <c r="P154" s="39"/>
    </row>
  </sheetData>
  <mergeCells count="18">
    <mergeCell ref="B4:M4"/>
    <mergeCell ref="B9:B10"/>
    <mergeCell ref="C9:D9"/>
    <mergeCell ref="E9:F9"/>
    <mergeCell ref="G9:J9"/>
    <mergeCell ref="K9:K10"/>
    <mergeCell ref="L9:M10"/>
    <mergeCell ref="G10:J10"/>
    <mergeCell ref="D31:F31"/>
    <mergeCell ref="G31:M31"/>
    <mergeCell ref="G29:M29"/>
    <mergeCell ref="F6:G6"/>
    <mergeCell ref="C20:D20"/>
    <mergeCell ref="E20:F20"/>
    <mergeCell ref="G20:J20"/>
    <mergeCell ref="B22:M23"/>
    <mergeCell ref="B25:M27"/>
    <mergeCell ref="D29:F29"/>
  </mergeCells>
  <phoneticPr fontId="3"/>
  <conditionalFormatting sqref="P1:P1048576">
    <cfRule type="cellIs" dxfId="0" priority="1" operator="equal">
      <formula>"NG"</formula>
    </cfRule>
  </conditionalFormatting>
  <dataValidations count="13">
    <dataValidation type="list" imeMode="halfAlpha" allowBlank="1" showInputMessage="1" sqref="I6" xr:uid="{3488A9D3-0871-483B-8299-C92871D02235}">
      <formula1>"１,２,３,４,５,６,７,８,９,10,11,12"</formula1>
    </dataValidation>
    <dataValidation type="list" imeMode="halfAlpha" allowBlank="1" showInputMessage="1" sqref="K6" xr:uid="{BB1C4AA0-F1A0-4555-BE8F-72A7D3AA2AE5}">
      <formula1>"１,２,３,４,５,６,７,８,９,10,11,12,13,14,15,16,17,18,19,20,21,22,23,24,25,26,27,28,29,30,31"</formula1>
    </dataValidation>
    <dataValidation type="list" allowBlank="1" showInputMessage="1" showErrorMessage="1" prompt="日をプルダウン選択" sqref="J11" xr:uid="{647B52EE-B0AE-48FF-844F-328641F28D91}">
      <formula1>$J$41:$J$71</formula1>
    </dataValidation>
    <dataValidation type="list" allowBlank="1" showInputMessage="1" showErrorMessage="1" prompt="年をプルダウン選択" sqref="H11:H19" xr:uid="{98F0752C-AFDB-410F-87E3-E6E69665196B}">
      <formula1>$H$41:$H$104</formula1>
    </dataValidation>
    <dataValidation type="list" allowBlank="1" showInputMessage="1" showErrorMessage="1" sqref="K11:K19" xr:uid="{012C775C-8821-457E-A9AE-49C5809B076B}">
      <formula1>"男,女"</formula1>
    </dataValidation>
    <dataValidation imeMode="halfKatakana" allowBlank="1" showInputMessage="1" showErrorMessage="1" prompt="半角ｶﾅで入力" sqref="F11:F19 E11:E20" xr:uid="{2D35EB44-E865-4AEF-A414-BD9AF94399C2}"/>
    <dataValidation type="list" allowBlank="1" showInputMessage="1" showErrorMessage="1" prompt="月をプルダウン選択" sqref="I11:I19" xr:uid="{42A177DA-9F99-48D7-9517-95CDAD49EAC9}">
      <formula1>$I$41:$I$52</formula1>
    </dataValidation>
    <dataValidation type="list" allowBlank="1" showInputMessage="1" showErrorMessage="1" prompt="日をプルダウン選択" sqref="J12:J19" xr:uid="{B794D888-DFFB-4F2A-ACE2-56737857157B}">
      <formula1>$J$41:$J$70</formula1>
    </dataValidation>
    <dataValidation type="list" allowBlank="1" showInputMessage="1" showErrorMessage="1" prompt="都道府県をプルダウン選択" sqref="L12:L20" xr:uid="{61746876-8470-4279-BBD8-0A96E7A8833D}">
      <formula1>$L$40:$L$87</formula1>
    </dataValidation>
    <dataValidation type="list" allowBlank="1" showInputMessage="1" showErrorMessage="1" prompt="年をプルダウン選択" sqref="G11:G19" xr:uid="{CD1AC928-49BA-4C7B-9959-8CCD435507F0}">
      <formula1>$G$41:$G$43</formula1>
    </dataValidation>
    <dataValidation type="list" imeMode="halfAlpha" operator="greaterThanOrEqual" allowBlank="1" showInputMessage="1" sqref="F6:G6" xr:uid="{48B39B9A-BDA4-440D-8C91-EF102461BA9F}">
      <formula1>"　,令和８,令和９"</formula1>
    </dataValidation>
    <dataValidation type="list" allowBlank="1" showInputMessage="1" prompt="都道府県をプルダウン選択" sqref="L11" xr:uid="{C083EA57-5922-4D85-B1B2-147C2074D198}">
      <formula1>$L$40:$L$87</formula1>
    </dataValidation>
    <dataValidation allowBlank="1" showInputMessage="1" showErrorMessage="1" prompt="市区町村名以降を入力" sqref="M11:M20" xr:uid="{18D0A76D-3285-4C2E-AFAF-692EF29AA004}"/>
  </dataValidations>
  <pageMargins left="0.70866141732283472" right="0.70866141732283472" top="0.74803149606299213" bottom="0.74803149606299213" header="0.31496062992125984" footer="0.31496062992125984"/>
  <pageSetup paperSize="9" scale="94"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62ECF58-E387-4D1C-AA37-8880DFA123BE}">
  <sheetPr>
    <tabColor rgb="FF002060"/>
    <pageSetUpPr fitToPage="1"/>
  </sheetPr>
  <dimension ref="A1:J44"/>
  <sheetViews>
    <sheetView showZeros="0" view="pageBreakPreview" zoomScale="85" zoomScaleNormal="100" zoomScaleSheetLayoutView="85" workbookViewId="0">
      <selection activeCell="C2" sqref="C2"/>
    </sheetView>
  </sheetViews>
  <sheetFormatPr defaultRowHeight="21.75" customHeight="1" x14ac:dyDescent="0.15"/>
  <cols>
    <col min="1" max="1" width="5" style="28" customWidth="1"/>
    <col min="2" max="2" width="16.625" style="29" customWidth="1"/>
    <col min="3" max="3" width="33.25" style="28" customWidth="1"/>
    <col min="4" max="4" width="33.875" style="30" customWidth="1"/>
    <col min="5" max="8" width="4" style="31" customWidth="1"/>
    <col min="9" max="9" width="5.25" style="31" customWidth="1"/>
    <col min="10" max="10" width="60.625" style="28" customWidth="1"/>
  </cols>
  <sheetData>
    <row r="1" spans="1:10" s="5" customFormat="1" ht="39" customHeight="1" thickBot="1" x14ac:dyDescent="0.2">
      <c r="A1" s="1" t="s">
        <v>0</v>
      </c>
      <c r="B1" s="2" t="s">
        <v>1</v>
      </c>
      <c r="C1" s="1" t="s">
        <v>2</v>
      </c>
      <c r="D1" s="3" t="s">
        <v>3</v>
      </c>
      <c r="E1" s="4" t="s">
        <v>77</v>
      </c>
      <c r="F1" s="4" t="s">
        <v>8</v>
      </c>
      <c r="G1" s="4" t="s">
        <v>4</v>
      </c>
      <c r="H1" s="4" t="s">
        <v>5</v>
      </c>
      <c r="I1" s="4" t="s">
        <v>6</v>
      </c>
      <c r="J1" s="1" t="s">
        <v>7</v>
      </c>
    </row>
    <row r="2" spans="1:10" s="10" customFormat="1" ht="22.5" customHeight="1" thickTop="1" x14ac:dyDescent="0.15">
      <c r="A2" s="6">
        <v>1</v>
      </c>
      <c r="B2" s="7"/>
      <c r="C2" s="6"/>
      <c r="D2" s="8">
        <f>別紙２_役員等一覧!G29</f>
        <v>0</v>
      </c>
      <c r="E2" s="9"/>
      <c r="F2" s="9"/>
      <c r="G2" s="9"/>
      <c r="H2" s="9"/>
      <c r="I2" s="9"/>
      <c r="J2" s="6"/>
    </row>
    <row r="3" spans="1:10" ht="21.75" customHeight="1" x14ac:dyDescent="0.15">
      <c r="A3" s="11">
        <v>2</v>
      </c>
      <c r="B3" s="12">
        <f>別紙２_役員等一覧!B11</f>
        <v>0</v>
      </c>
      <c r="C3" s="11" t="str">
        <f>別紙２_役員等一覧!E11&amp;" "&amp;別紙２_役員等一覧!F11</f>
        <v xml:space="preserve"> </v>
      </c>
      <c r="D3" s="13" t="str">
        <f>別紙２_役員等一覧!C11&amp;"　"&amp;別紙２_役員等一覧!D11</f>
        <v>　</v>
      </c>
      <c r="E3" s="14">
        <f>別紙２_役員等一覧!G11</f>
        <v>0</v>
      </c>
      <c r="F3" s="14">
        <f>別紙２_役員等一覧!H11</f>
        <v>0</v>
      </c>
      <c r="G3" s="14">
        <f>別紙２_役員等一覧!I11</f>
        <v>0</v>
      </c>
      <c r="H3" s="14">
        <f>別紙２_役員等一覧!J11</f>
        <v>0</v>
      </c>
      <c r="I3" s="15" t="str">
        <f>IF(別紙２_役員等一覧!K11="男","M",IF(別紙２_役員等一覧!K11="女","F",""))</f>
        <v/>
      </c>
      <c r="J3" s="11" t="str">
        <f>IF(別紙２_役員等一覧!L11="神奈川県","",別紙２_役員等一覧!L11)&amp;別紙２_役員等一覧!M11</f>
        <v/>
      </c>
    </row>
    <row r="4" spans="1:10" ht="21.75" customHeight="1" x14ac:dyDescent="0.15">
      <c r="A4" s="11">
        <v>3</v>
      </c>
      <c r="B4" s="12">
        <f>別紙２_役員等一覧!B12</f>
        <v>0</v>
      </c>
      <c r="C4" s="11" t="str">
        <f>別紙２_役員等一覧!E12&amp;" "&amp;別紙２_役員等一覧!F12</f>
        <v xml:space="preserve"> </v>
      </c>
      <c r="D4" s="13" t="str">
        <f>別紙２_役員等一覧!C12&amp;"　"&amp;別紙２_役員等一覧!D12</f>
        <v>　</v>
      </c>
      <c r="E4" s="14">
        <f>別紙２_役員等一覧!G12</f>
        <v>0</v>
      </c>
      <c r="F4" s="14">
        <f>別紙２_役員等一覧!H12</f>
        <v>0</v>
      </c>
      <c r="G4" s="14">
        <f>別紙２_役員等一覧!I12</f>
        <v>0</v>
      </c>
      <c r="H4" s="14">
        <f>別紙２_役員等一覧!J12</f>
        <v>0</v>
      </c>
      <c r="I4" s="15" t="str">
        <f>IF(別紙２_役員等一覧!K12="男","M",IF(別紙２_役員等一覧!K12="女","F",""))</f>
        <v/>
      </c>
      <c r="J4" s="11" t="str">
        <f>IF(別紙２_役員等一覧!L12="神奈川県","",別紙２_役員等一覧!L12)&amp;別紙２_役員等一覧!M12</f>
        <v/>
      </c>
    </row>
    <row r="5" spans="1:10" ht="21.75" customHeight="1" x14ac:dyDescent="0.15">
      <c r="A5" s="11">
        <v>4</v>
      </c>
      <c r="B5" s="12">
        <f>別紙２_役員等一覧!B13</f>
        <v>0</v>
      </c>
      <c r="C5" s="11" t="str">
        <f>別紙２_役員等一覧!E13&amp;" "&amp;別紙２_役員等一覧!F13</f>
        <v xml:space="preserve"> </v>
      </c>
      <c r="D5" s="13" t="str">
        <f>別紙２_役員等一覧!C13&amp;"　"&amp;別紙２_役員等一覧!D13</f>
        <v>　</v>
      </c>
      <c r="E5" s="14">
        <f>別紙２_役員等一覧!G13</f>
        <v>0</v>
      </c>
      <c r="F5" s="14">
        <f>別紙２_役員等一覧!H13</f>
        <v>0</v>
      </c>
      <c r="G5" s="14">
        <f>別紙２_役員等一覧!I13</f>
        <v>0</v>
      </c>
      <c r="H5" s="14">
        <f>別紙２_役員等一覧!J13</f>
        <v>0</v>
      </c>
      <c r="I5" s="15" t="str">
        <f>IF(別紙２_役員等一覧!K13="男","M",IF(別紙２_役員等一覧!K13="女","F",""))</f>
        <v/>
      </c>
      <c r="J5" s="11" t="str">
        <f>IF(別紙２_役員等一覧!L13="神奈川県","",別紙２_役員等一覧!L13)&amp;別紙２_役員等一覧!M13</f>
        <v/>
      </c>
    </row>
    <row r="6" spans="1:10" ht="21.75" customHeight="1" x14ac:dyDescent="0.15">
      <c r="A6" s="11">
        <v>5</v>
      </c>
      <c r="B6" s="12">
        <f>別紙２_役員等一覧!B14</f>
        <v>0</v>
      </c>
      <c r="C6" s="11" t="str">
        <f>別紙２_役員等一覧!E14&amp;" "&amp;別紙２_役員等一覧!F14</f>
        <v xml:space="preserve"> </v>
      </c>
      <c r="D6" s="13" t="str">
        <f>別紙２_役員等一覧!C14&amp;"　"&amp;別紙２_役員等一覧!D14</f>
        <v>　</v>
      </c>
      <c r="E6" s="14">
        <f>別紙２_役員等一覧!G14</f>
        <v>0</v>
      </c>
      <c r="F6" s="14">
        <f>別紙２_役員等一覧!H14</f>
        <v>0</v>
      </c>
      <c r="G6" s="14">
        <f>別紙２_役員等一覧!I14</f>
        <v>0</v>
      </c>
      <c r="H6" s="14">
        <f>別紙２_役員等一覧!J14</f>
        <v>0</v>
      </c>
      <c r="I6" s="15" t="str">
        <f>IF(別紙２_役員等一覧!K14="男","M",IF(別紙２_役員等一覧!K14="女","F",""))</f>
        <v/>
      </c>
      <c r="J6" s="11" t="str">
        <f>IF(別紙２_役員等一覧!L14="神奈川県","",別紙２_役員等一覧!L14)&amp;別紙２_役員等一覧!M14</f>
        <v/>
      </c>
    </row>
    <row r="7" spans="1:10" ht="21.75" customHeight="1" x14ac:dyDescent="0.15">
      <c r="A7" s="11">
        <v>6</v>
      </c>
      <c r="B7" s="12">
        <f>別紙２_役員等一覧!B15</f>
        <v>0</v>
      </c>
      <c r="C7" s="11" t="str">
        <f>別紙２_役員等一覧!E15&amp;" "&amp;別紙２_役員等一覧!F15</f>
        <v xml:space="preserve"> </v>
      </c>
      <c r="D7" s="13" t="str">
        <f>別紙２_役員等一覧!C15&amp;"　"&amp;別紙２_役員等一覧!D15</f>
        <v>　</v>
      </c>
      <c r="E7" s="14">
        <f>別紙２_役員等一覧!G15</f>
        <v>0</v>
      </c>
      <c r="F7" s="14">
        <f>別紙２_役員等一覧!H15</f>
        <v>0</v>
      </c>
      <c r="G7" s="14">
        <f>別紙２_役員等一覧!I15</f>
        <v>0</v>
      </c>
      <c r="H7" s="14">
        <f>別紙２_役員等一覧!J15</f>
        <v>0</v>
      </c>
      <c r="I7" s="15" t="str">
        <f>IF(別紙２_役員等一覧!K15="男","M",IF(別紙２_役員等一覧!K15="女","F",""))</f>
        <v/>
      </c>
      <c r="J7" s="11" t="str">
        <f>IF(別紙２_役員等一覧!L15="神奈川県","",別紙２_役員等一覧!L15)&amp;別紙２_役員等一覧!M15</f>
        <v/>
      </c>
    </row>
    <row r="8" spans="1:10" ht="21.75" customHeight="1" x14ac:dyDescent="0.15">
      <c r="A8" s="11">
        <v>7</v>
      </c>
      <c r="B8" s="12">
        <f>別紙２_役員等一覧!B16</f>
        <v>0</v>
      </c>
      <c r="C8" s="11" t="str">
        <f>別紙２_役員等一覧!E16&amp;" "&amp;別紙２_役員等一覧!F16</f>
        <v xml:space="preserve"> </v>
      </c>
      <c r="D8" s="13" t="str">
        <f>別紙２_役員等一覧!C16&amp;"　"&amp;別紙２_役員等一覧!D16</f>
        <v>　</v>
      </c>
      <c r="E8" s="14">
        <f>別紙２_役員等一覧!G16</f>
        <v>0</v>
      </c>
      <c r="F8" s="14">
        <f>別紙２_役員等一覧!H16</f>
        <v>0</v>
      </c>
      <c r="G8" s="14">
        <f>別紙２_役員等一覧!I16</f>
        <v>0</v>
      </c>
      <c r="H8" s="14">
        <f>別紙２_役員等一覧!J16</f>
        <v>0</v>
      </c>
      <c r="I8" s="15" t="str">
        <f>IF(別紙２_役員等一覧!K16="男","M",IF(別紙２_役員等一覧!K16="女","F",""))</f>
        <v/>
      </c>
      <c r="J8" s="11" t="str">
        <f>IF(別紙２_役員等一覧!L16="神奈川県","",別紙２_役員等一覧!L16)&amp;別紙２_役員等一覧!M16</f>
        <v/>
      </c>
    </row>
    <row r="9" spans="1:10" ht="21.75" customHeight="1" x14ac:dyDescent="0.15">
      <c r="A9" s="11">
        <v>8</v>
      </c>
      <c r="B9" s="12">
        <f>別紙２_役員等一覧!B17</f>
        <v>0</v>
      </c>
      <c r="C9" s="11" t="str">
        <f>別紙２_役員等一覧!E17&amp;" "&amp;別紙２_役員等一覧!F17</f>
        <v xml:space="preserve"> </v>
      </c>
      <c r="D9" s="13" t="str">
        <f>別紙２_役員等一覧!C17&amp;"　"&amp;別紙２_役員等一覧!D17</f>
        <v>　</v>
      </c>
      <c r="E9" s="14">
        <f>別紙２_役員等一覧!G17</f>
        <v>0</v>
      </c>
      <c r="F9" s="14">
        <f>別紙２_役員等一覧!H17</f>
        <v>0</v>
      </c>
      <c r="G9" s="14">
        <f>別紙２_役員等一覧!I17</f>
        <v>0</v>
      </c>
      <c r="H9" s="14">
        <f>別紙２_役員等一覧!J17</f>
        <v>0</v>
      </c>
      <c r="I9" s="15" t="str">
        <f>IF(別紙２_役員等一覧!K17="男","M",IF(別紙２_役員等一覧!K17="女","F",""))</f>
        <v/>
      </c>
      <c r="J9" s="11" t="str">
        <f>IF(別紙２_役員等一覧!L17="神奈川県","",別紙２_役員等一覧!L17)&amp;別紙２_役員等一覧!M17</f>
        <v/>
      </c>
    </row>
    <row r="10" spans="1:10" ht="21.75" customHeight="1" x14ac:dyDescent="0.15">
      <c r="A10" s="11">
        <v>9</v>
      </c>
      <c r="B10" s="12">
        <f>別紙２_役員等一覧!B18</f>
        <v>0</v>
      </c>
      <c r="C10" s="11" t="str">
        <f>別紙２_役員等一覧!E18&amp;" "&amp;別紙２_役員等一覧!F18</f>
        <v xml:space="preserve"> </v>
      </c>
      <c r="D10" s="13" t="str">
        <f>別紙２_役員等一覧!C18&amp;"　"&amp;別紙２_役員等一覧!D18</f>
        <v>　</v>
      </c>
      <c r="E10" s="14">
        <f>別紙２_役員等一覧!G18</f>
        <v>0</v>
      </c>
      <c r="F10" s="14">
        <f>別紙２_役員等一覧!H18</f>
        <v>0</v>
      </c>
      <c r="G10" s="14">
        <f>別紙２_役員等一覧!I18</f>
        <v>0</v>
      </c>
      <c r="H10" s="14">
        <f>別紙２_役員等一覧!J18</f>
        <v>0</v>
      </c>
      <c r="I10" s="15" t="str">
        <f>IF(別紙２_役員等一覧!K18="男","M",IF(別紙２_役員等一覧!K18="女","F",""))</f>
        <v/>
      </c>
      <c r="J10" s="11" t="str">
        <f>IF(別紙２_役員等一覧!L18="神奈川県","",別紙２_役員等一覧!L18)&amp;別紙２_役員等一覧!M18</f>
        <v/>
      </c>
    </row>
    <row r="11" spans="1:10" ht="21.75" customHeight="1" x14ac:dyDescent="0.15">
      <c r="A11" s="11">
        <v>10</v>
      </c>
      <c r="B11" s="12">
        <f>別紙２_役員等一覧!B19</f>
        <v>0</v>
      </c>
      <c r="C11" s="11" t="str">
        <f>別紙２_役員等一覧!E19&amp;" "&amp;別紙２_役員等一覧!F19</f>
        <v xml:space="preserve"> </v>
      </c>
      <c r="D11" s="13" t="str">
        <f>別紙２_役員等一覧!C19&amp;"　"&amp;別紙２_役員等一覧!D19</f>
        <v>　</v>
      </c>
      <c r="E11" s="14">
        <f>別紙２_役員等一覧!G19</f>
        <v>0</v>
      </c>
      <c r="F11" s="14">
        <f>別紙２_役員等一覧!H19</f>
        <v>0</v>
      </c>
      <c r="G11" s="14">
        <f>別紙２_役員等一覧!I19</f>
        <v>0</v>
      </c>
      <c r="H11" s="14">
        <f>別紙２_役員等一覧!J19</f>
        <v>0</v>
      </c>
      <c r="I11" s="15" t="str">
        <f>IF(別紙２_役員等一覧!K19="男","M",IF(別紙２_役員等一覧!K19="女","F",""))</f>
        <v/>
      </c>
      <c r="J11" s="11" t="str">
        <f>IF(別紙２_役員等一覧!L19="神奈川県","",別紙２_役員等一覧!L19)&amp;別紙２_役員等一覧!M19</f>
        <v/>
      </c>
    </row>
    <row r="12" spans="1:10" ht="21.75" customHeight="1" x14ac:dyDescent="0.15">
      <c r="A12" s="11">
        <v>11</v>
      </c>
      <c r="B12" s="12">
        <f>別紙２_役員等一覧!B20</f>
        <v>0</v>
      </c>
      <c r="C12" s="11" t="str">
        <f>別紙２_役員等一覧!E20&amp;" "&amp;別紙２_役員等一覧!F20</f>
        <v xml:space="preserve"> </v>
      </c>
      <c r="D12" s="13" t="str">
        <f>別紙２_役員等一覧!C20&amp;"　"&amp;別紙２_役員等一覧!D20</f>
        <v>　</v>
      </c>
      <c r="E12" s="14">
        <f>別紙２_役員等一覧!G20</f>
        <v>0</v>
      </c>
      <c r="F12" s="14">
        <f>別紙２_役員等一覧!H20</f>
        <v>0</v>
      </c>
      <c r="G12" s="14">
        <f>別紙２_役員等一覧!I20</f>
        <v>0</v>
      </c>
      <c r="H12" s="14">
        <f>別紙２_役員等一覧!J20</f>
        <v>0</v>
      </c>
      <c r="I12" s="15" t="str">
        <f>IF(別紙２_役員等一覧!K20="男","M",IF(別紙２_役員等一覧!K20="女","F",""))</f>
        <v/>
      </c>
      <c r="J12" s="11" t="str">
        <f>IF(別紙２_役員等一覧!L20="神奈川県","",別紙２_役員等一覧!L20)&amp;別紙２_役員等一覧!M20</f>
        <v/>
      </c>
    </row>
    <row r="13" spans="1:10" ht="21.75" customHeight="1" x14ac:dyDescent="0.15">
      <c r="A13" s="17">
        <v>22</v>
      </c>
      <c r="B13" s="12"/>
      <c r="C13" s="11"/>
      <c r="D13" s="13"/>
      <c r="E13" s="14"/>
      <c r="F13" s="14"/>
      <c r="G13" s="14"/>
      <c r="H13" s="14"/>
      <c r="I13" s="16"/>
      <c r="J13" s="11"/>
    </row>
    <row r="14" spans="1:10" ht="21.75" customHeight="1" x14ac:dyDescent="0.15">
      <c r="A14" s="11">
        <v>23</v>
      </c>
      <c r="B14" s="12"/>
      <c r="C14" s="11"/>
      <c r="D14" s="13"/>
      <c r="E14" s="14"/>
      <c r="F14" s="14"/>
      <c r="G14" s="14"/>
      <c r="H14" s="14"/>
      <c r="I14" s="16"/>
      <c r="J14" s="11"/>
    </row>
    <row r="15" spans="1:10" ht="21.75" customHeight="1" x14ac:dyDescent="0.15">
      <c r="A15" s="11">
        <v>24</v>
      </c>
      <c r="B15" s="12"/>
      <c r="C15" s="11"/>
      <c r="D15" s="13"/>
      <c r="E15" s="14"/>
      <c r="F15" s="14"/>
      <c r="G15" s="14"/>
      <c r="H15" s="14"/>
      <c r="I15" s="16"/>
      <c r="J15" s="11"/>
    </row>
    <row r="16" spans="1:10" ht="21.75" customHeight="1" x14ac:dyDescent="0.15">
      <c r="A16" s="11">
        <v>25</v>
      </c>
      <c r="B16" s="12"/>
      <c r="C16" s="11"/>
      <c r="D16" s="13"/>
      <c r="E16" s="14"/>
      <c r="F16" s="14"/>
      <c r="G16" s="14"/>
      <c r="H16" s="14"/>
      <c r="I16" s="16"/>
      <c r="J16" s="11"/>
    </row>
    <row r="17" spans="1:10" ht="21.75" customHeight="1" x14ac:dyDescent="0.15">
      <c r="A17" s="11">
        <v>26</v>
      </c>
      <c r="B17" s="12"/>
      <c r="C17" s="11"/>
      <c r="D17" s="13"/>
      <c r="E17" s="14"/>
      <c r="F17" s="14"/>
      <c r="G17" s="14"/>
      <c r="H17" s="14"/>
      <c r="I17" s="16"/>
      <c r="J17" s="11"/>
    </row>
    <row r="18" spans="1:10" ht="21.75" customHeight="1" x14ac:dyDescent="0.15">
      <c r="A18" s="11">
        <v>27</v>
      </c>
      <c r="B18" s="12"/>
      <c r="C18" s="11"/>
      <c r="D18" s="13"/>
      <c r="E18" s="14"/>
      <c r="F18" s="14"/>
      <c r="G18" s="14"/>
      <c r="H18" s="14"/>
      <c r="I18" s="16"/>
      <c r="J18" s="11"/>
    </row>
    <row r="19" spans="1:10" ht="21.75" customHeight="1" x14ac:dyDescent="0.15">
      <c r="A19" s="11">
        <v>28</v>
      </c>
      <c r="B19" s="12"/>
      <c r="C19" s="11"/>
      <c r="D19" s="13"/>
      <c r="E19" s="14"/>
      <c r="F19" s="14"/>
      <c r="G19" s="14"/>
      <c r="H19" s="14"/>
      <c r="I19" s="16"/>
      <c r="J19" s="11"/>
    </row>
    <row r="20" spans="1:10" ht="21.75" customHeight="1" x14ac:dyDescent="0.15">
      <c r="A20" s="11">
        <v>29</v>
      </c>
      <c r="B20" s="12"/>
      <c r="C20" s="11"/>
      <c r="D20" s="13"/>
      <c r="E20" s="14"/>
      <c r="F20" s="14"/>
      <c r="G20" s="14"/>
      <c r="H20" s="14"/>
      <c r="I20" s="16"/>
      <c r="J20" s="11"/>
    </row>
    <row r="21" spans="1:10" ht="21.75" customHeight="1" x14ac:dyDescent="0.15">
      <c r="A21" s="11">
        <v>30</v>
      </c>
      <c r="B21" s="12"/>
      <c r="C21" s="11"/>
      <c r="D21" s="13"/>
      <c r="E21" s="14"/>
      <c r="F21" s="14"/>
      <c r="G21" s="14"/>
      <c r="H21" s="14"/>
      <c r="I21" s="16"/>
      <c r="J21" s="11"/>
    </row>
    <row r="22" spans="1:10" ht="21.75" customHeight="1" x14ac:dyDescent="0.15">
      <c r="A22" s="11"/>
      <c r="B22" s="12"/>
      <c r="C22" s="11"/>
      <c r="D22" s="13"/>
      <c r="E22" s="14"/>
      <c r="F22" s="14"/>
      <c r="G22" s="14"/>
      <c r="H22" s="14"/>
      <c r="I22" s="16"/>
      <c r="J22" s="11"/>
    </row>
    <row r="23" spans="1:10" ht="21.75" customHeight="1" x14ac:dyDescent="0.15">
      <c r="A23" s="11"/>
      <c r="B23" s="18"/>
      <c r="C23" s="11"/>
      <c r="D23" s="13"/>
      <c r="E23" s="14"/>
      <c r="F23" s="14"/>
      <c r="G23" s="14"/>
      <c r="H23" s="14"/>
      <c r="I23" s="16"/>
      <c r="J23" s="11"/>
    </row>
    <row r="24" spans="1:10" ht="21.75" customHeight="1" x14ac:dyDescent="0.15">
      <c r="A24" s="11"/>
      <c r="B24" s="19"/>
      <c r="C24" s="11"/>
      <c r="D24" s="13"/>
      <c r="E24" s="20"/>
      <c r="F24" s="20"/>
      <c r="G24" s="20"/>
      <c r="H24" s="20"/>
      <c r="I24" s="21"/>
      <c r="J24" s="22"/>
    </row>
    <row r="25" spans="1:10" ht="21.75" customHeight="1" x14ac:dyDescent="0.15">
      <c r="A25" s="11"/>
      <c r="B25" s="18"/>
      <c r="C25" s="11"/>
      <c r="D25" s="13"/>
      <c r="E25" s="14"/>
      <c r="F25" s="14"/>
      <c r="G25" s="14"/>
      <c r="H25" s="14"/>
      <c r="I25" s="16"/>
      <c r="J25" s="11"/>
    </row>
    <row r="26" spans="1:10" ht="21.75" customHeight="1" x14ac:dyDescent="0.15">
      <c r="A26" s="11"/>
      <c r="B26" s="12"/>
      <c r="C26" s="11"/>
      <c r="D26" s="13"/>
      <c r="E26" s="14"/>
      <c r="F26" s="14"/>
      <c r="G26" s="14"/>
      <c r="H26" s="14"/>
      <c r="I26" s="16"/>
      <c r="J26" s="11"/>
    </row>
    <row r="27" spans="1:10" ht="21.75" customHeight="1" x14ac:dyDescent="0.15">
      <c r="A27" s="11"/>
      <c r="B27" s="12"/>
      <c r="C27" s="11"/>
      <c r="D27" s="13"/>
      <c r="E27" s="14"/>
      <c r="F27" s="14"/>
      <c r="G27" s="14"/>
      <c r="H27" s="14"/>
      <c r="I27" s="15"/>
      <c r="J27" s="11"/>
    </row>
    <row r="28" spans="1:10" ht="21.75" customHeight="1" x14ac:dyDescent="0.15">
      <c r="A28" s="11"/>
      <c r="B28" s="12"/>
      <c r="C28" s="11"/>
      <c r="D28" s="13"/>
      <c r="E28" s="14"/>
      <c r="F28" s="14"/>
      <c r="G28" s="14"/>
      <c r="H28" s="14"/>
      <c r="I28" s="15"/>
      <c r="J28" s="11"/>
    </row>
    <row r="29" spans="1:10" ht="21.75" customHeight="1" x14ac:dyDescent="0.15">
      <c r="A29" s="11"/>
      <c r="B29" s="12"/>
      <c r="C29" s="11"/>
      <c r="D29" s="13"/>
      <c r="E29" s="14"/>
      <c r="F29" s="14"/>
      <c r="G29" s="14"/>
      <c r="H29" s="14"/>
      <c r="I29" s="15"/>
      <c r="J29" s="11"/>
    </row>
    <row r="30" spans="1:10" ht="21.75" customHeight="1" x14ac:dyDescent="0.15">
      <c r="A30" s="11"/>
      <c r="B30" s="12"/>
      <c r="C30" s="11"/>
      <c r="D30" s="13"/>
      <c r="E30" s="14"/>
      <c r="F30" s="14"/>
      <c r="G30" s="14"/>
      <c r="H30" s="14"/>
      <c r="I30" s="15"/>
      <c r="J30" s="11"/>
    </row>
    <row r="31" spans="1:10" ht="21.75" customHeight="1" x14ac:dyDescent="0.15">
      <c r="A31" s="23"/>
      <c r="B31" s="24"/>
      <c r="C31" s="23"/>
      <c r="D31" s="25"/>
      <c r="E31" s="26"/>
      <c r="F31" s="26"/>
      <c r="G31" s="26"/>
      <c r="H31" s="26"/>
      <c r="I31" s="27"/>
      <c r="J31" s="23"/>
    </row>
    <row r="32" spans="1:10" ht="21.75" customHeight="1" x14ac:dyDescent="0.15">
      <c r="A32" s="23"/>
      <c r="B32" s="24"/>
      <c r="C32" s="23"/>
      <c r="D32" s="25"/>
      <c r="E32" s="26"/>
      <c r="F32" s="26"/>
      <c r="G32" s="26"/>
      <c r="H32" s="26"/>
      <c r="I32" s="27"/>
      <c r="J32" s="23"/>
    </row>
    <row r="33" spans="1:10" ht="21.75" customHeight="1" x14ac:dyDescent="0.15">
      <c r="A33" s="23"/>
      <c r="B33" s="24"/>
      <c r="C33" s="23"/>
      <c r="D33" s="25"/>
      <c r="E33" s="26"/>
      <c r="F33" s="26"/>
      <c r="G33" s="26"/>
      <c r="H33" s="26"/>
      <c r="I33" s="27"/>
      <c r="J33" s="23"/>
    </row>
    <row r="34" spans="1:10" ht="21.75" customHeight="1" x14ac:dyDescent="0.15">
      <c r="A34" s="23"/>
      <c r="B34" s="24"/>
      <c r="C34" s="23"/>
      <c r="D34" s="25"/>
      <c r="E34" s="26"/>
      <c r="F34" s="26"/>
      <c r="G34" s="26"/>
      <c r="H34" s="26"/>
      <c r="I34" s="27"/>
      <c r="J34" s="23"/>
    </row>
    <row r="35" spans="1:10" ht="21.75" customHeight="1" x14ac:dyDescent="0.15">
      <c r="A35" s="23"/>
      <c r="B35" s="24"/>
      <c r="C35" s="23"/>
      <c r="D35" s="25"/>
      <c r="E35" s="26"/>
      <c r="F35" s="26"/>
      <c r="G35" s="26"/>
      <c r="H35" s="26"/>
      <c r="I35" s="27"/>
      <c r="J35" s="23"/>
    </row>
    <row r="36" spans="1:10" ht="21.75" customHeight="1" x14ac:dyDescent="0.15">
      <c r="A36" s="23"/>
      <c r="B36" s="24"/>
      <c r="C36" s="23"/>
      <c r="D36" s="25"/>
      <c r="E36" s="26"/>
      <c r="F36" s="26"/>
      <c r="G36" s="26"/>
      <c r="H36" s="26"/>
      <c r="I36" s="27"/>
      <c r="J36" s="23"/>
    </row>
    <row r="37" spans="1:10" ht="21.75" customHeight="1" x14ac:dyDescent="0.15">
      <c r="A37" s="23"/>
      <c r="B37" s="24"/>
      <c r="C37" s="23"/>
      <c r="D37" s="25"/>
      <c r="E37" s="26"/>
      <c r="F37" s="26"/>
      <c r="G37" s="26"/>
      <c r="H37" s="26"/>
      <c r="I37" s="27"/>
      <c r="J37" s="23"/>
    </row>
    <row r="38" spans="1:10" ht="21.75" customHeight="1" x14ac:dyDescent="0.15">
      <c r="A38" s="23"/>
      <c r="B38" s="24"/>
      <c r="C38" s="23"/>
      <c r="D38" s="25"/>
      <c r="E38" s="26"/>
      <c r="F38" s="26"/>
      <c r="G38" s="26"/>
      <c r="H38" s="26"/>
      <c r="I38" s="27"/>
      <c r="J38" s="23"/>
    </row>
    <row r="39" spans="1:10" ht="21.75" customHeight="1" x14ac:dyDescent="0.15">
      <c r="A39" s="23"/>
      <c r="B39" s="24"/>
      <c r="C39" s="23"/>
      <c r="D39" s="25"/>
      <c r="E39" s="26"/>
      <c r="F39" s="26"/>
      <c r="G39" s="26"/>
      <c r="H39" s="26"/>
      <c r="I39" s="27"/>
      <c r="J39" s="23"/>
    </row>
    <row r="40" spans="1:10" ht="21.75" customHeight="1" x14ac:dyDescent="0.15">
      <c r="A40" s="23"/>
      <c r="B40" s="24"/>
      <c r="C40" s="23"/>
      <c r="D40" s="25"/>
      <c r="E40" s="26"/>
      <c r="F40" s="26"/>
      <c r="G40" s="26"/>
      <c r="H40" s="26"/>
      <c r="I40" s="27"/>
      <c r="J40" s="23"/>
    </row>
    <row r="41" spans="1:10" ht="21.75" customHeight="1" x14ac:dyDescent="0.15">
      <c r="A41" s="23"/>
      <c r="B41" s="24"/>
      <c r="C41" s="23"/>
      <c r="D41" s="25"/>
      <c r="E41" s="26"/>
      <c r="F41" s="26"/>
      <c r="G41" s="26"/>
      <c r="H41" s="26"/>
      <c r="I41" s="27"/>
      <c r="J41" s="23"/>
    </row>
    <row r="42" spans="1:10" ht="21.75" customHeight="1" x14ac:dyDescent="0.15">
      <c r="A42" s="23"/>
      <c r="B42" s="24"/>
      <c r="C42" s="23"/>
      <c r="D42" s="25"/>
      <c r="E42" s="26"/>
      <c r="F42" s="26"/>
      <c r="G42" s="26"/>
      <c r="H42" s="26"/>
      <c r="I42" s="27"/>
      <c r="J42" s="23"/>
    </row>
    <row r="43" spans="1:10" ht="21.75" customHeight="1" x14ac:dyDescent="0.15">
      <c r="B43" s="28"/>
      <c r="D43" s="28"/>
      <c r="E43" s="28"/>
      <c r="F43" s="28"/>
      <c r="G43" s="28"/>
      <c r="H43" s="28"/>
      <c r="I43" s="28"/>
    </row>
    <row r="44" spans="1:10" ht="21.75" customHeight="1" x14ac:dyDescent="0.15">
      <c r="B44" s="28"/>
      <c r="D44" s="28"/>
      <c r="E44" s="28"/>
      <c r="F44" s="28"/>
      <c r="G44" s="28"/>
      <c r="H44" s="28"/>
      <c r="I44" s="28"/>
    </row>
  </sheetData>
  <autoFilter ref="A1:J1" xr:uid="{00000000-0009-0000-0000-000002000000}"/>
  <phoneticPr fontId="3"/>
  <pageMargins left="0.7" right="0.7" top="0.75" bottom="0.75" header="0.3" footer="0.3"/>
  <pageSetup paperSize="9" scale="78" fitToHeight="0"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別紙２_役員等一覧</vt:lpstr>
      <vt:lpstr>県警照会用（審査時にコピペ）※非表示</vt:lpstr>
      <vt:lpstr>'県警照会用（審査時にコピペ）※非表示'!Print_Area</vt:lpstr>
      <vt:lpstr>別紙２_役員等一覧!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2-03T02:46:33Z</cp:lastPrinted>
  <dcterms:created xsi:type="dcterms:W3CDTF">2026-02-03T00:37:29Z</dcterms:created>
  <dcterms:modified xsi:type="dcterms:W3CDTF">2026-02-25T02:08:47Z</dcterms:modified>
</cp:coreProperties>
</file>